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4001\04_教育ビジョン・広報グループ\08_広報\04_ホームページ\03_公立学校名簿\06_施行（HP更新）\更新用データgakkoumeibo（zip圧縮のちファイル交換）\"/>
    </mc:Choice>
  </mc:AlternateContent>
  <bookViews>
    <workbookView xWindow="-20" yWindow="4320" windowWidth="20460" windowHeight="4370"/>
  </bookViews>
  <sheets>
    <sheet name="特別支援学校" sheetId="1" r:id="rId1"/>
  </sheets>
  <definedNames>
    <definedName name="_xlnm._FilterDatabase" localSheetId="0" hidden="1">特別支援学校!$B$4:$I$84</definedName>
    <definedName name="_xlnm.Print_Area" localSheetId="0">特別支援学校!$B$2:$I$84</definedName>
  </definedNames>
  <calcPr calcId="125725"/>
</workbook>
</file>

<file path=xl/sharedStrings.xml><?xml version="1.0" encoding="utf-8"?>
<sst xmlns="http://schemas.openxmlformats.org/spreadsheetml/2006/main" count="574" uniqueCount="516">
  <si>
    <t>特別支援学校</t>
    <rPh sb="0" eb="2">
      <t>トクベツ</t>
    </rPh>
    <rPh sb="2" eb="4">
      <t>シエン</t>
    </rPh>
    <rPh sb="4" eb="6">
      <t>ガッコウ</t>
    </rPh>
    <phoneticPr fontId="1"/>
  </si>
  <si>
    <t>学校名</t>
    <rPh sb="0" eb="2">
      <t>ガッコウ</t>
    </rPh>
    <rPh sb="2" eb="3">
      <t>メイ</t>
    </rPh>
    <phoneticPr fontId="1"/>
  </si>
  <si>
    <t>郵便番号</t>
    <rPh sb="0" eb="4">
      <t>ユウビンバンゴウ</t>
    </rPh>
    <phoneticPr fontId="1"/>
  </si>
  <si>
    <t>所在地</t>
    <rPh sb="0" eb="3">
      <t>ショザイチ</t>
    </rPh>
    <phoneticPr fontId="1"/>
  </si>
  <si>
    <t>電話</t>
    <rPh sb="0" eb="2">
      <t>デンワ</t>
    </rPh>
    <phoneticPr fontId="1"/>
  </si>
  <si>
    <t>部別</t>
    <rPh sb="0" eb="1">
      <t>ブ</t>
    </rPh>
    <rPh sb="1" eb="2">
      <t>ベツ</t>
    </rPh>
    <phoneticPr fontId="1"/>
  </si>
  <si>
    <t>平塚市追分10-1</t>
  </si>
  <si>
    <t>幼・小・中・高</t>
    <rPh sb="0" eb="1">
      <t>ヨウ</t>
    </rPh>
    <rPh sb="2" eb="3">
      <t>ショウ</t>
    </rPh>
    <rPh sb="4" eb="5">
      <t>ナカ</t>
    </rPh>
    <rPh sb="6" eb="7">
      <t>ダカ</t>
    </rPh>
    <phoneticPr fontId="1"/>
  </si>
  <si>
    <t>平塚市大原2-1</t>
  </si>
  <si>
    <t>230-0071</t>
  </si>
  <si>
    <t>横浜市鶴見区駒岡4-40-1</t>
  </si>
  <si>
    <t>小・中・高（知的障害）</t>
    <rPh sb="0" eb="1">
      <t>ショウ</t>
    </rPh>
    <rPh sb="2" eb="3">
      <t>チュウ</t>
    </rPh>
    <rPh sb="4" eb="5">
      <t>コウ</t>
    </rPh>
    <rPh sb="6" eb="8">
      <t>チテキ</t>
    </rPh>
    <rPh sb="8" eb="10">
      <t>ショウガイ</t>
    </rPh>
    <phoneticPr fontId="1"/>
  </si>
  <si>
    <t>横浜市港北区岸根町370（岸根高校内）</t>
    <rPh sb="0" eb="3">
      <t>ヨコハマシ</t>
    </rPh>
    <rPh sb="3" eb="6">
      <t>コウホクク</t>
    </rPh>
    <rPh sb="6" eb="9">
      <t>キシネチョウ</t>
    </rPh>
    <rPh sb="13" eb="15">
      <t>キシネ</t>
    </rPh>
    <rPh sb="15" eb="17">
      <t>コウコウ</t>
    </rPh>
    <rPh sb="17" eb="18">
      <t>ナイ</t>
    </rPh>
    <phoneticPr fontId="1"/>
  </si>
  <si>
    <t>高（知的障害）</t>
    <rPh sb="0" eb="1">
      <t>コウ</t>
    </rPh>
    <rPh sb="2" eb="4">
      <t>チテキ</t>
    </rPh>
    <rPh sb="4" eb="6">
      <t>ショウガイ</t>
    </rPh>
    <phoneticPr fontId="1"/>
  </si>
  <si>
    <t>232-0066</t>
  </si>
  <si>
    <t>小・中・高（病弱）</t>
    <rPh sb="0" eb="1">
      <t>ショウ</t>
    </rPh>
    <rPh sb="2" eb="3">
      <t>チュウ</t>
    </rPh>
    <rPh sb="4" eb="5">
      <t>コウ</t>
    </rPh>
    <rPh sb="6" eb="8">
      <t>ビョウジャク</t>
    </rPh>
    <phoneticPr fontId="1"/>
  </si>
  <si>
    <t>240-0026</t>
  </si>
  <si>
    <t>横浜市戸塚区南舞岡3-36-1（舞岡高校内）</t>
    <rPh sb="0" eb="3">
      <t>ヨコハマシ</t>
    </rPh>
    <rPh sb="3" eb="6">
      <t>トツカク</t>
    </rPh>
    <rPh sb="6" eb="9">
      <t>ミナミマイオカ</t>
    </rPh>
    <rPh sb="16" eb="18">
      <t>マイオカ</t>
    </rPh>
    <rPh sb="18" eb="20">
      <t>コウコウ</t>
    </rPh>
    <rPh sb="20" eb="21">
      <t>ナイ</t>
    </rPh>
    <phoneticPr fontId="1"/>
  </si>
  <si>
    <t>220-0073</t>
  </si>
  <si>
    <t>横浜市西区岡野1-5-8（横浜平沼高校内）</t>
    <rPh sb="13" eb="15">
      <t>ヨコハマ</t>
    </rPh>
    <rPh sb="15" eb="17">
      <t>ヒラヌマ</t>
    </rPh>
    <rPh sb="17" eb="19">
      <t>コウコウ</t>
    </rPh>
    <rPh sb="19" eb="20">
      <t>ナイ</t>
    </rPh>
    <phoneticPr fontId="1"/>
  </si>
  <si>
    <t>226-0002</t>
  </si>
  <si>
    <t>横浜市緑区東本郷5-18-1</t>
  </si>
  <si>
    <t>横浜市都筑区新栄町1-1（新栄高校内）</t>
    <rPh sb="0" eb="3">
      <t>ヨコハマシ</t>
    </rPh>
    <rPh sb="3" eb="6">
      <t>ツヅキク</t>
    </rPh>
    <rPh sb="6" eb="9">
      <t>シンエイチョウ</t>
    </rPh>
    <rPh sb="13" eb="15">
      <t>シンエイ</t>
    </rPh>
    <rPh sb="15" eb="17">
      <t>コウコウ</t>
    </rPh>
    <rPh sb="17" eb="18">
      <t>ナイ</t>
    </rPh>
    <phoneticPr fontId="1"/>
  </si>
  <si>
    <t>246-0005</t>
  </si>
  <si>
    <t>横浜市瀬谷区竹村町28-1</t>
  </si>
  <si>
    <t>大和市深見1760（大和東高校内）</t>
    <rPh sb="0" eb="2">
      <t>ヤマト</t>
    </rPh>
    <rPh sb="2" eb="3">
      <t>シ</t>
    </rPh>
    <rPh sb="3" eb="5">
      <t>フカミ</t>
    </rPh>
    <rPh sb="10" eb="12">
      <t>ヤマト</t>
    </rPh>
    <rPh sb="12" eb="13">
      <t>ヒガシ</t>
    </rPh>
    <rPh sb="13" eb="15">
      <t>コウコウ</t>
    </rPh>
    <rPh sb="15" eb="16">
      <t>ナイ</t>
    </rPh>
    <phoneticPr fontId="1"/>
  </si>
  <si>
    <t>246-0021</t>
  </si>
  <si>
    <t>211-0035</t>
  </si>
  <si>
    <t>川崎市中原区井田3-13-1</t>
  </si>
  <si>
    <t>213-0035</t>
  </si>
  <si>
    <t>214-0038</t>
  </si>
  <si>
    <t>川崎市多摩区生田4-32-1（生田東高校内）</t>
    <rPh sb="15" eb="17">
      <t>イクタ</t>
    </rPh>
    <rPh sb="17" eb="18">
      <t>ヒガシ</t>
    </rPh>
    <rPh sb="18" eb="20">
      <t>コウコウ</t>
    </rPh>
    <rPh sb="20" eb="21">
      <t>ナイ</t>
    </rPh>
    <phoneticPr fontId="1"/>
  </si>
  <si>
    <t>238-0313</t>
  </si>
  <si>
    <t>横須賀市武3-35-1</t>
  </si>
  <si>
    <t>横須賀市津久井4-4-1（津久井浜高校内）</t>
    <rPh sb="0" eb="4">
      <t>ヨコスカシ</t>
    </rPh>
    <rPh sb="4" eb="7">
      <t>ツクイ</t>
    </rPh>
    <rPh sb="13" eb="16">
      <t>ツクイ</t>
    </rPh>
    <rPh sb="16" eb="17">
      <t>ハマ</t>
    </rPh>
    <rPh sb="17" eb="19">
      <t>コウコウ</t>
    </rPh>
    <rPh sb="19" eb="20">
      <t>ナイ</t>
    </rPh>
    <phoneticPr fontId="1"/>
  </si>
  <si>
    <t>259-1215</t>
  </si>
  <si>
    <t>平塚市寺田縄590</t>
  </si>
  <si>
    <t>254-0061</t>
  </si>
  <si>
    <t>平塚市御殿4-14-1</t>
  </si>
  <si>
    <t>247-0075</t>
  </si>
  <si>
    <t>鎌倉市関谷566</t>
  </si>
  <si>
    <t>横浜市栄区金井町100（金井高校内）</t>
    <rPh sb="0" eb="3">
      <t>ヨコハマシ</t>
    </rPh>
    <rPh sb="3" eb="5">
      <t>サカエク</t>
    </rPh>
    <rPh sb="5" eb="8">
      <t>カナイチョウ</t>
    </rPh>
    <rPh sb="12" eb="14">
      <t>カナイ</t>
    </rPh>
    <rPh sb="14" eb="16">
      <t>コウコウ</t>
    </rPh>
    <rPh sb="16" eb="17">
      <t>ナイ</t>
    </rPh>
    <phoneticPr fontId="1"/>
  </si>
  <si>
    <t>252-0813</t>
  </si>
  <si>
    <t>藤沢市亀井野2547-19</t>
  </si>
  <si>
    <t>250-0865</t>
  </si>
  <si>
    <t>小田原市蓮正寺1021</t>
  </si>
  <si>
    <t>253-0083</t>
  </si>
  <si>
    <t>257-0025</t>
  </si>
  <si>
    <t>秦野市落合500</t>
  </si>
  <si>
    <t>259-1116</t>
  </si>
  <si>
    <t>伊勢原市石田1390</t>
  </si>
  <si>
    <t>横浜市青葉区元石川町4116（元石川高校内）</t>
    <rPh sb="0" eb="3">
      <t>ヨコハマシ</t>
    </rPh>
    <rPh sb="3" eb="6">
      <t>アオバク</t>
    </rPh>
    <rPh sb="6" eb="10">
      <t>モトイシカワチョウ</t>
    </rPh>
    <rPh sb="15" eb="16">
      <t>モト</t>
    </rPh>
    <rPh sb="16" eb="18">
      <t>イシカワ</t>
    </rPh>
    <rPh sb="18" eb="20">
      <t>コウコウ</t>
    </rPh>
    <rPh sb="20" eb="21">
      <t>ナイ</t>
    </rPh>
    <phoneticPr fontId="1"/>
  </si>
  <si>
    <t>横浜市金沢区富岡東2-6-1</t>
    <rPh sb="0" eb="3">
      <t>ヨコハマシ</t>
    </rPh>
    <rPh sb="3" eb="6">
      <t>カナザワク</t>
    </rPh>
    <rPh sb="6" eb="8">
      <t>トミオカ</t>
    </rPh>
    <rPh sb="8" eb="9">
      <t>ヒガシ</t>
    </rPh>
    <phoneticPr fontId="2"/>
  </si>
  <si>
    <t>横浜市立盲特別支援学校</t>
    <rPh sb="5" eb="7">
      <t>トクベツ</t>
    </rPh>
    <rPh sb="7" eb="9">
      <t>シエン</t>
    </rPh>
    <phoneticPr fontId="2"/>
  </si>
  <si>
    <t>221-0005</t>
  </si>
  <si>
    <t>横浜市神奈川区松見町1-26</t>
  </si>
  <si>
    <t>横浜市立ろう特別支援学校</t>
    <rPh sb="6" eb="8">
      <t>トクベツ</t>
    </rPh>
    <rPh sb="8" eb="10">
      <t>シエン</t>
    </rPh>
    <phoneticPr fontId="2"/>
  </si>
  <si>
    <t>240-0067</t>
  </si>
  <si>
    <t>横浜市立浦舟特別支援学校</t>
    <rPh sb="4" eb="6">
      <t>ウラフネ</t>
    </rPh>
    <rPh sb="6" eb="8">
      <t>トクベツ</t>
    </rPh>
    <rPh sb="8" eb="10">
      <t>シエン</t>
    </rPh>
    <phoneticPr fontId="2"/>
  </si>
  <si>
    <t>小・中（病弱）</t>
    <rPh sb="0" eb="1">
      <t>ショウ</t>
    </rPh>
    <rPh sb="2" eb="3">
      <t>チュウ</t>
    </rPh>
    <rPh sb="4" eb="6">
      <t>ビョウジャク</t>
    </rPh>
    <phoneticPr fontId="1"/>
  </si>
  <si>
    <t>横浜市立港南台ひの特別支援学校</t>
    <rPh sb="4" eb="7">
      <t>コウナンダイ</t>
    </rPh>
    <rPh sb="9" eb="11">
      <t>トクベツ</t>
    </rPh>
    <rPh sb="11" eb="13">
      <t>シエン</t>
    </rPh>
    <phoneticPr fontId="2"/>
  </si>
  <si>
    <t>横浜市港南区港南台5-3-2</t>
    <rPh sb="6" eb="9">
      <t>コウナンダイ</t>
    </rPh>
    <phoneticPr fontId="2"/>
  </si>
  <si>
    <t>横浜市立上菅田特別支援学校</t>
    <rPh sb="7" eb="9">
      <t>トクベツ</t>
    </rPh>
    <rPh sb="9" eb="11">
      <t>シエン</t>
    </rPh>
    <phoneticPr fontId="2"/>
  </si>
  <si>
    <t>240-0051</t>
  </si>
  <si>
    <t>小・中・高（肢体不自由）</t>
    <rPh sb="0" eb="1">
      <t>ショウ</t>
    </rPh>
    <rPh sb="2" eb="3">
      <t>チュウ</t>
    </rPh>
    <rPh sb="4" eb="5">
      <t>コウ</t>
    </rPh>
    <rPh sb="6" eb="8">
      <t>シタイ</t>
    </rPh>
    <rPh sb="8" eb="11">
      <t>フジユウ</t>
    </rPh>
    <phoneticPr fontId="1"/>
  </si>
  <si>
    <t>横浜市立本郷特別支援学校</t>
    <rPh sb="6" eb="8">
      <t>トクベツ</t>
    </rPh>
    <rPh sb="8" eb="10">
      <t>シエン</t>
    </rPh>
    <phoneticPr fontId="2"/>
  </si>
  <si>
    <t>247-0007</t>
  </si>
  <si>
    <t>横浜市立日野中央高等特別支援学校</t>
    <rPh sb="4" eb="6">
      <t>ヒノ</t>
    </rPh>
    <rPh sb="6" eb="8">
      <t>チュウオウ</t>
    </rPh>
    <rPh sb="10" eb="12">
      <t>トクベツ</t>
    </rPh>
    <rPh sb="12" eb="14">
      <t>シエン</t>
    </rPh>
    <phoneticPr fontId="2"/>
  </si>
  <si>
    <t>横浜市港南区日野中央2-25-3</t>
  </si>
  <si>
    <t>横浜市立二つ橋高等特別支援学校</t>
    <rPh sb="4" eb="5">
      <t>フタ</t>
    </rPh>
    <rPh sb="6" eb="7">
      <t>ハシ</t>
    </rPh>
    <rPh sb="7" eb="9">
      <t>コウトウ</t>
    </rPh>
    <rPh sb="9" eb="11">
      <t>トクベツ</t>
    </rPh>
    <rPh sb="11" eb="13">
      <t>シエン</t>
    </rPh>
    <phoneticPr fontId="2"/>
  </si>
  <si>
    <t>横浜市立中村特別支援学校</t>
    <rPh sb="6" eb="8">
      <t>トクベツ</t>
    </rPh>
    <rPh sb="8" eb="10">
      <t>シエン</t>
    </rPh>
    <phoneticPr fontId="2"/>
  </si>
  <si>
    <t>232-0033</t>
  </si>
  <si>
    <t>横浜市南区中村町4-269-1</t>
  </si>
  <si>
    <t>小・中（肢体不自由）</t>
    <rPh sb="0" eb="1">
      <t>ショウ</t>
    </rPh>
    <rPh sb="2" eb="3">
      <t>チュウ</t>
    </rPh>
    <rPh sb="4" eb="6">
      <t>シタイ</t>
    </rPh>
    <rPh sb="6" eb="9">
      <t>フジユウ</t>
    </rPh>
    <phoneticPr fontId="1"/>
  </si>
  <si>
    <t>横浜市立東俣野特別支援学校</t>
    <rPh sb="0" eb="2">
      <t>ヨコハマ</t>
    </rPh>
    <rPh sb="2" eb="4">
      <t>イチリツ</t>
    </rPh>
    <rPh sb="7" eb="9">
      <t>トクベツ</t>
    </rPh>
    <rPh sb="9" eb="11">
      <t>シエン</t>
    </rPh>
    <phoneticPr fontId="2"/>
  </si>
  <si>
    <t>245-0065</t>
  </si>
  <si>
    <t>横浜市戸塚区東俣野町1103-1</t>
  </si>
  <si>
    <t>川崎市立聾学校</t>
    <rPh sb="0" eb="2">
      <t>カワサキ</t>
    </rPh>
    <phoneticPr fontId="2"/>
  </si>
  <si>
    <t>211-0053</t>
  </si>
  <si>
    <t>川崎市中原区上小田中3-10-5</t>
  </si>
  <si>
    <t>213-0011</t>
  </si>
  <si>
    <t>川崎市高津区久本3-7-1</t>
  </si>
  <si>
    <t>横須賀市立ろう学校</t>
    <rPh sb="1" eb="3">
      <t>スカ</t>
    </rPh>
    <phoneticPr fontId="2"/>
  </si>
  <si>
    <t>238-0023</t>
  </si>
  <si>
    <t>横須賀市森崎5-13-1</t>
  </si>
  <si>
    <t>（本校2校）</t>
    <rPh sb="1" eb="3">
      <t>ホンコウ</t>
    </rPh>
    <rPh sb="4" eb="5">
      <t>コウ</t>
    </rPh>
    <phoneticPr fontId="1"/>
  </si>
  <si>
    <t>横須賀市立養護学校</t>
    <rPh sb="1" eb="3">
      <t>スカ</t>
    </rPh>
    <phoneticPr fontId="2"/>
  </si>
  <si>
    <t>239-0844</t>
  </si>
  <si>
    <t>横須賀市岩戸5-6-4</t>
  </si>
  <si>
    <t>藤沢市立白浜養護学校</t>
    <rPh sb="0" eb="2">
      <t>フジサワ</t>
    </rPh>
    <phoneticPr fontId="2"/>
  </si>
  <si>
    <t>251-0046</t>
  </si>
  <si>
    <t>藤沢市辻堂西海岸1-2-2</t>
  </si>
  <si>
    <t>国立大学法人</t>
    <rPh sb="0" eb="2">
      <t>コクリツ</t>
    </rPh>
    <rPh sb="2" eb="4">
      <t>ダイガク</t>
    </rPh>
    <rPh sb="4" eb="6">
      <t>ホウジン</t>
    </rPh>
    <phoneticPr fontId="1"/>
  </si>
  <si>
    <t>239-0841</t>
  </si>
  <si>
    <t>横須賀市野比5-1-2</t>
  </si>
  <si>
    <t>232-0061</t>
  </si>
  <si>
    <t>横浜市南区大岡2-31-3</t>
  </si>
  <si>
    <t>かみすげたとくべつしえん</t>
    <phoneticPr fontId="2"/>
  </si>
  <si>
    <t>ひがしまたのとくべつしえん</t>
    <phoneticPr fontId="2"/>
  </si>
  <si>
    <t>相模原市緑区若柳44</t>
    <rPh sb="0" eb="4">
      <t>サガミハラシ</t>
    </rPh>
    <rPh sb="4" eb="6">
      <t>ミドリク</t>
    </rPh>
    <rPh sb="6" eb="8">
      <t>ワカヤナギ</t>
    </rPh>
    <phoneticPr fontId="2"/>
  </si>
  <si>
    <t>相模原市南区当麻814</t>
    <rPh sb="4" eb="6">
      <t>ミナミク</t>
    </rPh>
    <phoneticPr fontId="1"/>
  </si>
  <si>
    <t>相模原市緑区橋本8-8-1（橋本高校内）</t>
    <rPh sb="0" eb="3">
      <t>サガミハラ</t>
    </rPh>
    <rPh sb="3" eb="4">
      <t>シ</t>
    </rPh>
    <rPh sb="4" eb="6">
      <t>ミドリク</t>
    </rPh>
    <rPh sb="6" eb="8">
      <t>ハシモト</t>
    </rPh>
    <rPh sb="14" eb="16">
      <t>ハシモト</t>
    </rPh>
    <rPh sb="16" eb="18">
      <t>コウコウ</t>
    </rPh>
    <rPh sb="18" eb="19">
      <t>ナイ</t>
    </rPh>
    <phoneticPr fontId="1"/>
  </si>
  <si>
    <t>川崎市中原区上小田中3-10-5（聾学校内）</t>
    <rPh sb="17" eb="18">
      <t>ロウ</t>
    </rPh>
    <rPh sb="18" eb="20">
      <t>ガッコウ</t>
    </rPh>
    <rPh sb="20" eb="21">
      <t>ナイ</t>
    </rPh>
    <phoneticPr fontId="1"/>
  </si>
  <si>
    <t>筑波大学附属久里浜特別支援学校</t>
    <rPh sb="4" eb="6">
      <t>フゾク</t>
    </rPh>
    <rPh sb="6" eb="9">
      <t>クリハマ</t>
    </rPh>
    <rPh sb="9" eb="11">
      <t>トクベツ</t>
    </rPh>
    <rPh sb="11" eb="13">
      <t>シエン</t>
    </rPh>
    <rPh sb="13" eb="15">
      <t>ガッコウ</t>
    </rPh>
    <phoneticPr fontId="2"/>
  </si>
  <si>
    <t>（本校3校</t>
    <rPh sb="1" eb="3">
      <t>ホンコウ</t>
    </rPh>
    <rPh sb="4" eb="5">
      <t>コウ</t>
    </rPh>
    <phoneticPr fontId="1"/>
  </si>
  <si>
    <t>高（知的障害）
小・中・高（肢体不自由）</t>
    <rPh sb="8" eb="9">
      <t>ショウ</t>
    </rPh>
    <rPh sb="10" eb="11">
      <t>チュウ</t>
    </rPh>
    <rPh sb="12" eb="13">
      <t>コウ</t>
    </rPh>
    <rPh sb="14" eb="16">
      <t>シタイ</t>
    </rPh>
    <rPh sb="16" eb="19">
      <t>フジユウ</t>
    </rPh>
    <phoneticPr fontId="1"/>
  </si>
  <si>
    <t>高（知的障害・肢体不自由）</t>
    <rPh sb="0" eb="1">
      <t>コウ</t>
    </rPh>
    <rPh sb="7" eb="9">
      <t>シタイ</t>
    </rPh>
    <rPh sb="9" eb="12">
      <t>フジユウ</t>
    </rPh>
    <phoneticPr fontId="1"/>
  </si>
  <si>
    <t>幼・小・中（視覚障害・聴覚障害）
小・中・高（知的障害・肢体不自由）</t>
    <rPh sb="0" eb="1">
      <t>ヨウ</t>
    </rPh>
    <rPh sb="2" eb="3">
      <t>ショウ</t>
    </rPh>
    <rPh sb="4" eb="5">
      <t>ナカ</t>
    </rPh>
    <rPh sb="6" eb="8">
      <t>シカク</t>
    </rPh>
    <rPh sb="8" eb="10">
      <t>ショウガイ</t>
    </rPh>
    <rPh sb="11" eb="13">
      <t>チョウカク</t>
    </rPh>
    <rPh sb="13" eb="15">
      <t>ショウガイ</t>
    </rPh>
    <rPh sb="17" eb="18">
      <t>ショウ</t>
    </rPh>
    <rPh sb="19" eb="20">
      <t>チュウ</t>
    </rPh>
    <rPh sb="21" eb="22">
      <t>コウ</t>
    </rPh>
    <rPh sb="28" eb="30">
      <t>シタイ</t>
    </rPh>
    <rPh sb="30" eb="33">
      <t>フジユウ</t>
    </rPh>
    <phoneticPr fontId="1"/>
  </si>
  <si>
    <t>大和市上和田2557（大和南高校内）</t>
    <rPh sb="0" eb="2">
      <t>ヤマト</t>
    </rPh>
    <rPh sb="2" eb="3">
      <t>シ</t>
    </rPh>
    <rPh sb="3" eb="6">
      <t>カミワダ</t>
    </rPh>
    <rPh sb="11" eb="13">
      <t>ヤマト</t>
    </rPh>
    <rPh sb="13" eb="14">
      <t>ミナミ</t>
    </rPh>
    <rPh sb="14" eb="16">
      <t>コウコウ</t>
    </rPh>
    <rPh sb="16" eb="17">
      <t>ナイ</t>
    </rPh>
    <phoneticPr fontId="1"/>
  </si>
  <si>
    <t>鎌倉市七里ガ浜2－21－1(鎌倉高校内)</t>
    <rPh sb="0" eb="3">
      <t>カマクラシ</t>
    </rPh>
    <rPh sb="3" eb="5">
      <t>シチリ</t>
    </rPh>
    <rPh sb="6" eb="7">
      <t>ハマ</t>
    </rPh>
    <rPh sb="14" eb="16">
      <t>カマクラ</t>
    </rPh>
    <rPh sb="16" eb="18">
      <t>コウコウ</t>
    </rPh>
    <rPh sb="18" eb="19">
      <t>ナイ</t>
    </rPh>
    <phoneticPr fontId="1"/>
  </si>
  <si>
    <t>横浜市立北綱島特別支援学校サルビア分教室</t>
    <rPh sb="7" eb="9">
      <t>トクベツ</t>
    </rPh>
    <rPh sb="9" eb="11">
      <t>シエン</t>
    </rPh>
    <rPh sb="17" eb="18">
      <t>ブン</t>
    </rPh>
    <rPh sb="18" eb="20">
      <t>キョウシツ</t>
    </rPh>
    <phoneticPr fontId="2"/>
  </si>
  <si>
    <t>よこはまひなたやましえん</t>
  </si>
  <si>
    <t>246-0034</t>
  </si>
  <si>
    <t>横浜市瀬谷区南瀬谷2-20</t>
  </si>
  <si>
    <t>高（知的障害）</t>
  </si>
  <si>
    <t>よみがな</t>
    <phoneticPr fontId="1"/>
  </si>
  <si>
    <t>神奈川県立平塚盲学校</t>
    <phoneticPr fontId="2"/>
  </si>
  <si>
    <t>ひらつかもう</t>
    <phoneticPr fontId="1"/>
  </si>
  <si>
    <t>神奈川県立平塚ろう学校</t>
    <phoneticPr fontId="2"/>
  </si>
  <si>
    <t>ひらつかろう</t>
    <phoneticPr fontId="1"/>
  </si>
  <si>
    <t>きしね</t>
    <phoneticPr fontId="1"/>
  </si>
  <si>
    <t>222-0034</t>
    <phoneticPr fontId="1"/>
  </si>
  <si>
    <t>まいおか</t>
    <phoneticPr fontId="1"/>
  </si>
  <si>
    <t>244-0814</t>
    <phoneticPr fontId="1"/>
  </si>
  <si>
    <t>よこはまひらぬま</t>
    <phoneticPr fontId="1"/>
  </si>
  <si>
    <t>236-0051</t>
    <phoneticPr fontId="2"/>
  </si>
  <si>
    <t>しんえい</t>
    <phoneticPr fontId="1"/>
  </si>
  <si>
    <t>224-0035</t>
    <phoneticPr fontId="1"/>
  </si>
  <si>
    <t>やまとひがし</t>
    <phoneticPr fontId="1"/>
  </si>
  <si>
    <t>242-0011</t>
    <phoneticPr fontId="1"/>
  </si>
  <si>
    <t>やまとみなみ</t>
    <phoneticPr fontId="1"/>
  </si>
  <si>
    <t>すみよし</t>
    <phoneticPr fontId="1"/>
  </si>
  <si>
    <t>211-0021</t>
    <phoneticPr fontId="1"/>
  </si>
  <si>
    <t>いくたひがし</t>
    <phoneticPr fontId="1"/>
  </si>
  <si>
    <t>かわさききた</t>
    <phoneticPr fontId="1"/>
  </si>
  <si>
    <t>215-0013</t>
    <phoneticPr fontId="2"/>
  </si>
  <si>
    <t>川崎市麻生区王禅寺303-１</t>
    <phoneticPr fontId="2"/>
  </si>
  <si>
    <t>もといしかわ</t>
    <phoneticPr fontId="2"/>
  </si>
  <si>
    <t>225-0004</t>
    <phoneticPr fontId="1"/>
  </si>
  <si>
    <t>つくいはま</t>
    <phoneticPr fontId="1"/>
  </si>
  <si>
    <t>239-0843</t>
    <phoneticPr fontId="1"/>
  </si>
  <si>
    <t>かない</t>
    <phoneticPr fontId="1"/>
  </si>
  <si>
    <t>244-0845</t>
    <phoneticPr fontId="1"/>
  </si>
  <si>
    <t>かまくら</t>
    <phoneticPr fontId="1"/>
  </si>
  <si>
    <t>おおい</t>
    <phoneticPr fontId="1"/>
  </si>
  <si>
    <t>はしもと</t>
    <phoneticPr fontId="1"/>
  </si>
  <si>
    <t>いしだ</t>
    <phoneticPr fontId="1"/>
  </si>
  <si>
    <t>ありま</t>
    <phoneticPr fontId="1"/>
  </si>
  <si>
    <t>243-0424</t>
    <phoneticPr fontId="1"/>
  </si>
  <si>
    <t>さがみこうようかん</t>
    <phoneticPr fontId="1"/>
  </si>
  <si>
    <t>横須賀市岩戸5-6-5</t>
    <phoneticPr fontId="1"/>
  </si>
  <si>
    <t>さがみはらちゅうおうしえん</t>
    <phoneticPr fontId="1"/>
  </si>
  <si>
    <t>もうとくべつしえん</t>
    <phoneticPr fontId="2"/>
  </si>
  <si>
    <t>ろうとくべつしえん</t>
    <phoneticPr fontId="2"/>
  </si>
  <si>
    <t>うらふねとくべつしえん</t>
    <phoneticPr fontId="2"/>
  </si>
  <si>
    <t>232-0024</t>
    <phoneticPr fontId="2"/>
  </si>
  <si>
    <t>横浜市南区浦舟町3-46</t>
    <phoneticPr fontId="2"/>
  </si>
  <si>
    <t>こうなんだいひの
とくべつしえん</t>
    <phoneticPr fontId="2"/>
  </si>
  <si>
    <t>234-0054</t>
    <phoneticPr fontId="2"/>
  </si>
  <si>
    <t>ほんごうとくべつしえん</t>
    <phoneticPr fontId="2"/>
  </si>
  <si>
    <t>ひのちゅうおうこうとうとくべつしえん</t>
    <phoneticPr fontId="2"/>
  </si>
  <si>
    <t>234-0053</t>
    <phoneticPr fontId="2"/>
  </si>
  <si>
    <t>ふたつばしこうとうとくべつしえん</t>
    <phoneticPr fontId="2"/>
  </si>
  <si>
    <t>なかむらとくべつしえん</t>
    <phoneticPr fontId="2"/>
  </si>
  <si>
    <t>さるびあ</t>
    <phoneticPr fontId="2"/>
  </si>
  <si>
    <t>横浜市立若葉台特別支援学校</t>
    <phoneticPr fontId="1"/>
  </si>
  <si>
    <t>わかばだいとくべつしえん</t>
    <phoneticPr fontId="1"/>
  </si>
  <si>
    <t>241-0801</t>
    <phoneticPr fontId="1"/>
  </si>
  <si>
    <t>横浜市旭区若葉台2-1-1</t>
    <phoneticPr fontId="1"/>
  </si>
  <si>
    <t>ろう</t>
    <phoneticPr fontId="2"/>
  </si>
  <si>
    <t>ようご</t>
    <phoneticPr fontId="2"/>
  </si>
  <si>
    <t>しらはまようご</t>
    <phoneticPr fontId="1"/>
  </si>
  <si>
    <t>つくばだいがくふぞくくりはまとくべつしえん</t>
    <phoneticPr fontId="2"/>
  </si>
  <si>
    <t>(0463)31-0948</t>
  </si>
  <si>
    <t>(0463)31-5996</t>
  </si>
  <si>
    <t>(0463)32-0129</t>
  </si>
  <si>
    <t>(0463)32-1646</t>
  </si>
  <si>
    <t>(0463)58-0456</t>
  </si>
  <si>
    <t>(0463)59-4248</t>
  </si>
  <si>
    <t>(0463)34-7212</t>
  </si>
  <si>
    <t>(0463)34-8707</t>
  </si>
  <si>
    <t>(0463)81-0948</t>
  </si>
  <si>
    <t>(0463)83-4118</t>
  </si>
  <si>
    <t>(0463)93-7916</t>
  </si>
  <si>
    <t>(0463)96-2457</t>
  </si>
  <si>
    <t>(0463)93-0082</t>
  </si>
  <si>
    <t>(0463)93-0083</t>
  </si>
  <si>
    <t>(045)573-4787</t>
  </si>
  <si>
    <t>(045)584-8502</t>
  </si>
  <si>
    <t>(045)439-3050</t>
  </si>
  <si>
    <t>(045)401-0138</t>
  </si>
  <si>
    <t>(045)712-4046</t>
  </si>
  <si>
    <t>(045)742-9710</t>
  </si>
  <si>
    <t>(045)714-0126</t>
  </si>
  <si>
    <t>(045)742-9716</t>
  </si>
  <si>
    <t>(045)823-9654</t>
  </si>
  <si>
    <t>(045)825-5412</t>
  </si>
  <si>
    <t>(045)328-2010</t>
  </si>
  <si>
    <t>(045)328-2011</t>
  </si>
  <si>
    <t>(045)770-0456</t>
  </si>
  <si>
    <t>(045)775-4121</t>
  </si>
  <si>
    <t>(045)778-1065</t>
  </si>
  <si>
    <t>(045)778-1066</t>
  </si>
  <si>
    <t>(045)471-7941</t>
  </si>
  <si>
    <t>(045)474-4707</t>
  </si>
  <si>
    <t>(045)591-6443</t>
  </si>
  <si>
    <t>(045)591-6472</t>
  </si>
  <si>
    <t>(045)302-1616</t>
  </si>
  <si>
    <t>(045)304-2950</t>
  </si>
  <si>
    <t>(045)365-3711</t>
  </si>
  <si>
    <t>(045)361-9695</t>
  </si>
  <si>
    <t>(045)905-0037</t>
  </si>
  <si>
    <t>(045)905-0038</t>
  </si>
  <si>
    <t>(045)852-4722</t>
  </si>
  <si>
    <t>(045)852-4738</t>
  </si>
  <si>
    <t>(045)300-5611</t>
  </si>
  <si>
    <t>(045)303-2330</t>
  </si>
  <si>
    <t>(045)431-1629</t>
  </si>
  <si>
    <t>(045)423-0284</t>
  </si>
  <si>
    <t>(045)335-0411</t>
  </si>
  <si>
    <t>(045)333-4807</t>
  </si>
  <si>
    <t>(045)243-2624</t>
  </si>
  <si>
    <t>(045)243-2625</t>
  </si>
  <si>
    <t>(045)830-5826</t>
  </si>
  <si>
    <t>(045)830-5753</t>
  </si>
  <si>
    <t>(045)382-0420</t>
  </si>
  <si>
    <t>(045)382-0413</t>
  </si>
  <si>
    <t>(045)894-2952</t>
  </si>
  <si>
    <t>(045)894-2954</t>
  </si>
  <si>
    <t>(045)844-3015</t>
  </si>
  <si>
    <t>(045)846-8448</t>
  </si>
  <si>
    <t>(045)391-2131</t>
  </si>
  <si>
    <t>(045)391-2193</t>
  </si>
  <si>
    <t>(045)261-9863</t>
  </si>
  <si>
    <t>(045)261-9872</t>
  </si>
  <si>
    <t>(045)851-9631</t>
  </si>
  <si>
    <t>(045)851-9632</t>
  </si>
  <si>
    <t>(045)923-1300</t>
  </si>
  <si>
    <t>(045)923-1305</t>
  </si>
  <si>
    <t>(045)742-2291</t>
  </si>
  <si>
    <t>(045)743-4746</t>
  </si>
  <si>
    <t>(044)755-1632</t>
  </si>
  <si>
    <t>(044)752-7786</t>
  </si>
  <si>
    <t>(044)430-1016</t>
  </si>
  <si>
    <t>(044)430-1017</t>
  </si>
  <si>
    <t>(044)865-0477</t>
  </si>
  <si>
    <t>(044)877-2626</t>
  </si>
  <si>
    <t>(044)931-1020</t>
  </si>
  <si>
    <t>(044)870-1040</t>
  </si>
  <si>
    <t>(044)870-1041</t>
  </si>
  <si>
    <t>(044)980-4850</t>
  </si>
  <si>
    <t>(044)986-2517</t>
  </si>
  <si>
    <t>(044)766-6500</t>
  </si>
  <si>
    <t>(044)844-1275</t>
  </si>
  <si>
    <t>(044)755-5666</t>
  </si>
  <si>
    <t>(046)264-2061</t>
  </si>
  <si>
    <t>(046)264-2062</t>
  </si>
  <si>
    <t>(046)279-6577</t>
  </si>
  <si>
    <t>(046)279-6578</t>
  </si>
  <si>
    <t>(046)839-4500</t>
  </si>
  <si>
    <t>(046)849-3200</t>
  </si>
  <si>
    <t>(046)856-5800</t>
  </si>
  <si>
    <t>(046)857-6367</t>
  </si>
  <si>
    <t>(046)848-2137</t>
  </si>
  <si>
    <t>(046)848-2147</t>
  </si>
  <si>
    <t>(046)252-5379</t>
  </si>
  <si>
    <t>(046)238-1349</t>
  </si>
  <si>
    <t>(046)238-1359</t>
  </si>
  <si>
    <t>(046)298-0038</t>
  </si>
  <si>
    <t>(046)298-0039</t>
  </si>
  <si>
    <t>(046)834-1172</t>
  </si>
  <si>
    <t>(046)834-0096</t>
  </si>
  <si>
    <t>(046)849-6465</t>
  </si>
  <si>
    <t>(046)849-6559</t>
  </si>
  <si>
    <t>(046)848-3441</t>
  </si>
  <si>
    <t>(046)848-3740</t>
  </si>
  <si>
    <t>(042)684-4860</t>
  </si>
  <si>
    <t>(042)684-4861</t>
  </si>
  <si>
    <t>(042)778-0331</t>
  </si>
  <si>
    <t>(042)778-4957</t>
  </si>
  <si>
    <t>(042)700-1621</t>
  </si>
  <si>
    <t>(042)774-0870</t>
  </si>
  <si>
    <t>(042)768-8510</t>
  </si>
  <si>
    <t>(042)768-8519</t>
  </si>
  <si>
    <t>(0467)45-1482</t>
  </si>
  <si>
    <t>(0467)43-4804</t>
  </si>
  <si>
    <t>(0467)32-8721</t>
  </si>
  <si>
    <t>(0467)57-5379</t>
  </si>
  <si>
    <t>(0467)57-5371</t>
  </si>
  <si>
    <t>(0465)37-2755</t>
  </si>
  <si>
    <t>(0465)37-5356</t>
  </si>
  <si>
    <t>(0465)86-0040</t>
  </si>
  <si>
    <t>(0465)86-0041</t>
  </si>
  <si>
    <t>(0466)82-8101</t>
  </si>
  <si>
    <t>(0466)83-3520</t>
  </si>
  <si>
    <t>(0466)33-1500</t>
  </si>
  <si>
    <t>(0466)37-1066</t>
  </si>
  <si>
    <t>神奈川県立相模原中央支援学校</t>
    <rPh sb="0" eb="5">
      <t>カナガワケンリツ</t>
    </rPh>
    <rPh sb="5" eb="8">
      <t>サガミハラ</t>
    </rPh>
    <rPh sb="8" eb="10">
      <t>チュウオウ</t>
    </rPh>
    <rPh sb="10" eb="12">
      <t>シエン</t>
    </rPh>
    <rPh sb="12" eb="14">
      <t>ガッコウ</t>
    </rPh>
    <phoneticPr fontId="1"/>
  </si>
  <si>
    <t>川崎市立中央支援学校</t>
    <rPh sb="0" eb="2">
      <t>カワサキ</t>
    </rPh>
    <rPh sb="4" eb="6">
      <t>チュウオウ</t>
    </rPh>
    <rPh sb="6" eb="8">
      <t>シエン</t>
    </rPh>
    <phoneticPr fontId="2"/>
  </si>
  <si>
    <t>川崎市立田島支援学校</t>
    <rPh sb="0" eb="2">
      <t>カワサキ</t>
    </rPh>
    <rPh sb="6" eb="8">
      <t>シエン</t>
    </rPh>
    <phoneticPr fontId="2"/>
  </si>
  <si>
    <t>川崎市中原区下小田中1-4-1（大戸小学校内）</t>
    <rPh sb="0" eb="3">
      <t>カワサキシ</t>
    </rPh>
    <phoneticPr fontId="1"/>
  </si>
  <si>
    <t>川崎市多摩区宿河原3-18-1（稲田小学校内）</t>
    <rPh sb="0" eb="3">
      <t>カワサキシ</t>
    </rPh>
    <phoneticPr fontId="1"/>
  </si>
  <si>
    <t>川崎市川崎区田島町20-5</t>
    <rPh sb="0" eb="3">
      <t>カワサキシ</t>
    </rPh>
    <phoneticPr fontId="1"/>
  </si>
  <si>
    <t>高（知的障害・肢体不自由）</t>
    <rPh sb="0" eb="1">
      <t>タカ</t>
    </rPh>
    <rPh sb="2" eb="4">
      <t>チテキ</t>
    </rPh>
    <rPh sb="4" eb="6">
      <t>ショウガイ</t>
    </rPh>
    <rPh sb="7" eb="9">
      <t>シタイ</t>
    </rPh>
    <rPh sb="9" eb="12">
      <t>フジユウ</t>
    </rPh>
    <phoneticPr fontId="1"/>
  </si>
  <si>
    <t>川崎市川崎区池上新町1-1-3</t>
    <rPh sb="0" eb="3">
      <t>カワサキシ</t>
    </rPh>
    <phoneticPr fontId="1"/>
  </si>
  <si>
    <t>小・中（知的障害・肢体不自由）</t>
    <rPh sb="0" eb="1">
      <t>ショウ</t>
    </rPh>
    <rPh sb="2" eb="3">
      <t>ナカ</t>
    </rPh>
    <rPh sb="4" eb="6">
      <t>チテキ</t>
    </rPh>
    <rPh sb="6" eb="8">
      <t>ショウガイ</t>
    </rPh>
    <rPh sb="9" eb="11">
      <t>シタイ</t>
    </rPh>
    <rPh sb="11" eb="14">
      <t>フジユウ</t>
    </rPh>
    <phoneticPr fontId="1"/>
  </si>
  <si>
    <t>分校１校</t>
    <rPh sb="0" eb="2">
      <t>ブンコウ</t>
    </rPh>
    <rPh sb="3" eb="4">
      <t>コウ</t>
    </rPh>
    <phoneticPr fontId="1"/>
  </si>
  <si>
    <t>川崎市立中央支援学校分教室</t>
    <rPh sb="0" eb="4">
      <t>カワサキシリツ</t>
    </rPh>
    <rPh sb="4" eb="6">
      <t>チュウオウ</t>
    </rPh>
    <rPh sb="6" eb="8">
      <t>シエン</t>
    </rPh>
    <rPh sb="8" eb="10">
      <t>ガッコウ</t>
    </rPh>
    <rPh sb="10" eb="11">
      <t>フン</t>
    </rPh>
    <rPh sb="11" eb="13">
      <t>キョウシツ</t>
    </rPh>
    <phoneticPr fontId="1"/>
  </si>
  <si>
    <t>川崎市立田島支援学校桜校</t>
    <rPh sb="0" eb="4">
      <t>カワサキシリツ</t>
    </rPh>
    <rPh sb="4" eb="6">
      <t>タジマ</t>
    </rPh>
    <rPh sb="6" eb="8">
      <t>シエン</t>
    </rPh>
    <rPh sb="8" eb="10">
      <t>ガッコウ</t>
    </rPh>
    <rPh sb="10" eb="11">
      <t>サクラ</t>
    </rPh>
    <rPh sb="11" eb="12">
      <t>コウ</t>
    </rPh>
    <phoneticPr fontId="2"/>
  </si>
  <si>
    <t>神奈川県立横浜ひなたやま支援学校</t>
    <phoneticPr fontId="1"/>
  </si>
  <si>
    <t>210-0853</t>
    <phoneticPr fontId="1"/>
  </si>
  <si>
    <t>210-0832</t>
    <phoneticPr fontId="1"/>
  </si>
  <si>
    <t>神奈川県立えびな支援学校</t>
    <rPh sb="0" eb="5">
      <t>カナガワケンリツ</t>
    </rPh>
    <rPh sb="8" eb="10">
      <t>シエン</t>
    </rPh>
    <rPh sb="10" eb="12">
      <t>ガッコウ</t>
    </rPh>
    <phoneticPr fontId="1"/>
  </si>
  <si>
    <t>えびなしえん</t>
    <phoneticPr fontId="1"/>
  </si>
  <si>
    <t>243-0422</t>
    <phoneticPr fontId="1"/>
  </si>
  <si>
    <t>海老名市中新田4-5-1</t>
    <rPh sb="0" eb="4">
      <t>エビナシ</t>
    </rPh>
    <rPh sb="4" eb="7">
      <t>ナカシンデン</t>
    </rPh>
    <phoneticPr fontId="1"/>
  </si>
  <si>
    <t>(046)292-5612</t>
    <phoneticPr fontId="1"/>
  </si>
  <si>
    <t>(046)292-5620</t>
    <phoneticPr fontId="1"/>
  </si>
  <si>
    <t>幼・小・中・高（視覚障害）</t>
    <rPh sb="0" eb="1">
      <t>ヨウ</t>
    </rPh>
    <rPh sb="2" eb="3">
      <t>ショウ</t>
    </rPh>
    <rPh sb="4" eb="5">
      <t>ナカ</t>
    </rPh>
    <rPh sb="6" eb="7">
      <t>ダカ</t>
    </rPh>
    <rPh sb="8" eb="10">
      <t>シカク</t>
    </rPh>
    <rPh sb="10" eb="12">
      <t>ショウガイ</t>
    </rPh>
    <phoneticPr fontId="1"/>
  </si>
  <si>
    <t>小・中・高（肢体不自由・高のみ知的障害併置）</t>
    <phoneticPr fontId="1"/>
  </si>
  <si>
    <t>小・中（知的障害）</t>
    <rPh sb="0" eb="1">
      <t>ショウ</t>
    </rPh>
    <rPh sb="2" eb="3">
      <t>チュウ</t>
    </rPh>
    <rPh sb="4" eb="6">
      <t>チテキ</t>
    </rPh>
    <rPh sb="6" eb="8">
      <t>ショウガイ</t>
    </rPh>
    <phoneticPr fontId="1"/>
  </si>
  <si>
    <t>幼・小・中・高（聴覚障害）</t>
    <rPh sb="0" eb="1">
      <t>ヨウ</t>
    </rPh>
    <rPh sb="2" eb="3">
      <t>ショウ</t>
    </rPh>
    <rPh sb="4" eb="5">
      <t>ナカ</t>
    </rPh>
    <rPh sb="6" eb="7">
      <t>ダカ</t>
    </rPh>
    <rPh sb="8" eb="10">
      <t>チョウカク</t>
    </rPh>
    <rPh sb="10" eb="12">
      <t>ショウガイ</t>
    </rPh>
    <phoneticPr fontId="1"/>
  </si>
  <si>
    <t>横浜国立大学教育学部附属特別支援学校</t>
    <rPh sb="10" eb="12">
      <t>フゾク</t>
    </rPh>
    <rPh sb="12" eb="14">
      <t>トクベツ</t>
    </rPh>
    <rPh sb="14" eb="16">
      <t>シエン</t>
    </rPh>
    <phoneticPr fontId="2"/>
  </si>
  <si>
    <t>よこはまこくりつだいがくきょういくがくぶふぞくとくべつしえん</t>
    <phoneticPr fontId="2"/>
  </si>
  <si>
    <t>こうなん</t>
    <phoneticPr fontId="2"/>
  </si>
  <si>
    <t>234-0054</t>
    <phoneticPr fontId="1"/>
  </si>
  <si>
    <t>横浜市港南区港南台4-6-20</t>
    <rPh sb="6" eb="9">
      <t>コウナンダイ</t>
    </rPh>
    <phoneticPr fontId="2"/>
  </si>
  <si>
    <t>川崎市立田島支援学校さくら分教室</t>
    <rPh sb="0" eb="2">
      <t>カワサキ</t>
    </rPh>
    <rPh sb="2" eb="4">
      <t>シリツ</t>
    </rPh>
    <rPh sb="4" eb="6">
      <t>タジマ</t>
    </rPh>
    <rPh sb="6" eb="8">
      <t>シエン</t>
    </rPh>
    <rPh sb="8" eb="10">
      <t>ガッコウ</t>
    </rPh>
    <rPh sb="13" eb="14">
      <t>ブン</t>
    </rPh>
    <rPh sb="14" eb="16">
      <t>キョウシツ</t>
    </rPh>
    <phoneticPr fontId="1"/>
  </si>
  <si>
    <t>川崎市川崎区桜本1-9-15（さくら小学校内）</t>
    <rPh sb="0" eb="3">
      <t>カワサキシ</t>
    </rPh>
    <rPh sb="3" eb="5">
      <t>カワサキ</t>
    </rPh>
    <rPh sb="5" eb="6">
      <t>ク</t>
    </rPh>
    <rPh sb="6" eb="8">
      <t>サクラモト</t>
    </rPh>
    <rPh sb="18" eb="21">
      <t>ショウガッコウ</t>
    </rPh>
    <rPh sb="21" eb="22">
      <t>ナイ</t>
    </rPh>
    <phoneticPr fontId="1"/>
  </si>
  <si>
    <t>分教室4教室）</t>
    <phoneticPr fontId="1"/>
  </si>
  <si>
    <t>設置者</t>
    <rPh sb="0" eb="2">
      <t>セッチ</t>
    </rPh>
    <rPh sb="2" eb="3">
      <t>シャ</t>
    </rPh>
    <phoneticPr fontId="1"/>
  </si>
  <si>
    <t>神奈川県</t>
    <rPh sb="0" eb="4">
      <t>カナガワケン</t>
    </rPh>
    <phoneticPr fontId="1"/>
  </si>
  <si>
    <t>横浜市</t>
    <rPh sb="0" eb="2">
      <t>ヨコハマ</t>
    </rPh>
    <rPh sb="2" eb="3">
      <t>シ</t>
    </rPh>
    <phoneticPr fontId="1"/>
  </si>
  <si>
    <t>川崎市</t>
    <rPh sb="0" eb="2">
      <t>カワサキ</t>
    </rPh>
    <rPh sb="2" eb="3">
      <t>シ</t>
    </rPh>
    <phoneticPr fontId="1"/>
  </si>
  <si>
    <t>横浜市立中村特別支援学校港南分教室</t>
    <rPh sb="6" eb="8">
      <t>トクベツ</t>
    </rPh>
    <rPh sb="8" eb="10">
      <t>シエン</t>
    </rPh>
    <rPh sb="12" eb="13">
      <t>コウ</t>
    </rPh>
    <rPh sb="13" eb="15">
      <t>ミナミブン</t>
    </rPh>
    <rPh sb="15" eb="17">
      <t>キョウシツ</t>
    </rPh>
    <phoneticPr fontId="2"/>
  </si>
  <si>
    <t>横須賀市</t>
    <rPh sb="0" eb="3">
      <t>ヨコスカ</t>
    </rPh>
    <rPh sb="3" eb="4">
      <t>シ</t>
    </rPh>
    <phoneticPr fontId="1"/>
  </si>
  <si>
    <t>（通称：横浜わかば学園）</t>
    <phoneticPr fontId="1"/>
  </si>
  <si>
    <t>横浜市立左近山特別支援学校</t>
    <rPh sb="0" eb="3">
      <t>ヨコハマシ</t>
    </rPh>
    <rPh sb="3" eb="4">
      <t>リツ</t>
    </rPh>
    <rPh sb="4" eb="7">
      <t>サコンヤマ</t>
    </rPh>
    <rPh sb="7" eb="9">
      <t>トクベツ</t>
    </rPh>
    <rPh sb="9" eb="11">
      <t>シエン</t>
    </rPh>
    <rPh sb="11" eb="13">
      <t>ガッコウ</t>
    </rPh>
    <phoneticPr fontId="1"/>
  </si>
  <si>
    <t>横浜市旭区左近山1011</t>
    <rPh sb="5" eb="8">
      <t>サコンヤマ</t>
    </rPh>
    <phoneticPr fontId="1"/>
  </si>
  <si>
    <t>横浜市港北区綱島西5-14-54</t>
    <rPh sb="0" eb="3">
      <t>ヨコハマシ</t>
    </rPh>
    <phoneticPr fontId="1"/>
  </si>
  <si>
    <t>高（知的障害）
小・中・高（病弱・肢体不自由）</t>
    <phoneticPr fontId="1"/>
  </si>
  <si>
    <t>横浜市立北綱島特別支援学校</t>
    <rPh sb="7" eb="9">
      <t>トクベツ</t>
    </rPh>
    <rPh sb="9" eb="11">
      <t>シエン</t>
    </rPh>
    <rPh sb="11" eb="13">
      <t>ガッコウ</t>
    </rPh>
    <phoneticPr fontId="2"/>
  </si>
  <si>
    <t>きたつなしまとくべつしえん</t>
  </si>
  <si>
    <t>ファクシミリ</t>
    <phoneticPr fontId="1"/>
  </si>
  <si>
    <t>横浜市南区六ツ川2-138-4</t>
    <phoneticPr fontId="1"/>
  </si>
  <si>
    <t>横浜市保土ケ谷区権太坂1-8-1</t>
    <phoneticPr fontId="1"/>
  </si>
  <si>
    <t>横浜市瀬谷区二ツ橋町468</t>
    <phoneticPr fontId="1"/>
  </si>
  <si>
    <t>横浜市保土ケ谷区常盤台81-1</t>
    <phoneticPr fontId="1"/>
  </si>
  <si>
    <t>横浜市保土ケ谷区上菅田町462</t>
    <phoneticPr fontId="1"/>
  </si>
  <si>
    <t>横浜市栄区小菅ケ谷3-37-12</t>
    <phoneticPr fontId="2"/>
  </si>
  <si>
    <t>横浜市瀬谷区二ツ橋町470</t>
    <phoneticPr fontId="2"/>
  </si>
  <si>
    <t>神奈川県立あおば支援学校</t>
    <rPh sb="0" eb="5">
      <t>カナガワケンリツ</t>
    </rPh>
    <rPh sb="8" eb="10">
      <t>シエン</t>
    </rPh>
    <rPh sb="10" eb="12">
      <t>ガッコウ</t>
    </rPh>
    <phoneticPr fontId="1"/>
  </si>
  <si>
    <t>あおばしえん</t>
    <phoneticPr fontId="1"/>
  </si>
  <si>
    <t>横浜市青葉区上谷本町109</t>
    <rPh sb="0" eb="3">
      <t>ヨコハマシ</t>
    </rPh>
    <rPh sb="3" eb="6">
      <t>アオバク</t>
    </rPh>
    <rPh sb="6" eb="10">
      <t>カミヤホンマチ</t>
    </rPh>
    <phoneticPr fontId="1"/>
  </si>
  <si>
    <t>小・中・高（知的障害・肢体不自由）</t>
    <rPh sb="0" eb="1">
      <t>ショウ</t>
    </rPh>
    <rPh sb="2" eb="3">
      <t>チュウ</t>
    </rPh>
    <rPh sb="4" eb="5">
      <t>ダカ</t>
    </rPh>
    <rPh sb="6" eb="8">
      <t>チテキ</t>
    </rPh>
    <rPh sb="8" eb="10">
      <t>ショウガイ</t>
    </rPh>
    <rPh sb="11" eb="13">
      <t>シタイ</t>
    </rPh>
    <rPh sb="13" eb="16">
      <t>フジユウ</t>
    </rPh>
    <phoneticPr fontId="1"/>
  </si>
  <si>
    <t>小・中・高（知的障害・肢体不自由）</t>
    <rPh sb="0" eb="1">
      <t>ショウ</t>
    </rPh>
    <rPh sb="2" eb="3">
      <t>チュウ</t>
    </rPh>
    <rPh sb="4" eb="5">
      <t>コウ</t>
    </rPh>
    <rPh sb="6" eb="8">
      <t>チテキ</t>
    </rPh>
    <rPh sb="8" eb="10">
      <t>ショウガイ</t>
    </rPh>
    <rPh sb="11" eb="13">
      <t>シタイ</t>
    </rPh>
    <rPh sb="13" eb="16">
      <t>フジユウ</t>
    </rPh>
    <phoneticPr fontId="1"/>
  </si>
  <si>
    <t>小・中・高（知的障害・肢体不自由）</t>
    <rPh sb="0" eb="1">
      <t>ショウ</t>
    </rPh>
    <rPh sb="2" eb="3">
      <t>チュウ</t>
    </rPh>
    <rPh sb="4" eb="5">
      <t>コウ</t>
    </rPh>
    <rPh sb="11" eb="13">
      <t>シタイ</t>
    </rPh>
    <rPh sb="13" eb="16">
      <t>フジユウ</t>
    </rPh>
    <phoneticPr fontId="1"/>
  </si>
  <si>
    <t>-</t>
    <phoneticPr fontId="1"/>
  </si>
  <si>
    <t>227-0041</t>
    <phoneticPr fontId="1"/>
  </si>
  <si>
    <t>(045)978-1161</t>
    <phoneticPr fontId="1"/>
  </si>
  <si>
    <t>(045)978-1160</t>
    <phoneticPr fontId="1"/>
  </si>
  <si>
    <t>(045)576-3000</t>
    <phoneticPr fontId="1"/>
  </si>
  <si>
    <t>(045)831-7351</t>
    <phoneticPr fontId="1"/>
  </si>
  <si>
    <t>(044)755-5666</t>
    <phoneticPr fontId="1"/>
  </si>
  <si>
    <t>(045)831-7352</t>
    <phoneticPr fontId="1"/>
  </si>
  <si>
    <r>
      <t>25</t>
    </r>
    <r>
      <rPr>
        <sz val="11"/>
        <rFont val="ＭＳ Ｐゴシック"/>
        <family val="3"/>
        <charset val="128"/>
      </rPr>
      <t>4-0047</t>
    </r>
    <phoneticPr fontId="2"/>
  </si>
  <si>
    <r>
      <t>2</t>
    </r>
    <r>
      <rPr>
        <sz val="11"/>
        <rFont val="ＭＳ Ｐゴシック"/>
        <family val="3"/>
        <charset val="128"/>
      </rPr>
      <t>54-0074</t>
    </r>
    <phoneticPr fontId="2"/>
  </si>
  <si>
    <r>
      <t>藤沢市</t>
    </r>
    <r>
      <rPr>
        <sz val="11"/>
        <rFont val="ＭＳ Ｐゴシック"/>
        <family val="3"/>
        <charset val="128"/>
      </rPr>
      <t>(本校1校)</t>
    </r>
    <rPh sb="0" eb="2">
      <t>フジサワ</t>
    </rPh>
    <rPh sb="2" eb="3">
      <t>シ</t>
    </rPh>
    <rPh sb="4" eb="6">
      <t>ホンコウ</t>
    </rPh>
    <rPh sb="7" eb="8">
      <t>コウ</t>
    </rPh>
    <phoneticPr fontId="1"/>
  </si>
  <si>
    <t>川崎市高津区向ケ丘16</t>
    <phoneticPr fontId="1"/>
  </si>
  <si>
    <t>223-0053</t>
  </si>
  <si>
    <t>(045)545-0126</t>
  </si>
  <si>
    <t>さこんやまとくべつしえん</t>
  </si>
  <si>
    <t>241-0831</t>
  </si>
  <si>
    <t>(045)352-1580</t>
  </si>
  <si>
    <t>(045)352-1582</t>
  </si>
  <si>
    <t>幼・小（知的障害）</t>
    <rPh sb="0" eb="1">
      <t>ヨウ</t>
    </rPh>
    <rPh sb="2" eb="3">
      <t>ショウ</t>
    </rPh>
    <rPh sb="4" eb="6">
      <t>チテキ</t>
    </rPh>
    <rPh sb="6" eb="8">
      <t>ショウガイ</t>
    </rPh>
    <phoneticPr fontId="1"/>
  </si>
  <si>
    <t>ろう</t>
    <phoneticPr fontId="2"/>
  </si>
  <si>
    <t>(044)766-5174</t>
    <phoneticPr fontId="1"/>
  </si>
  <si>
    <t>ちゅうおうしえん</t>
    <phoneticPr fontId="2"/>
  </si>
  <si>
    <t>(044)822-7072</t>
    <phoneticPr fontId="1"/>
  </si>
  <si>
    <t>ちゅうおうしえんがっこうぶんきょうしつ</t>
    <phoneticPr fontId="1"/>
  </si>
  <si>
    <r>
      <t>2</t>
    </r>
    <r>
      <rPr>
        <sz val="11"/>
        <rFont val="ＭＳ Ｐゴシック"/>
        <family val="3"/>
        <charset val="128"/>
      </rPr>
      <t>11-0053</t>
    </r>
    <phoneticPr fontId="1"/>
  </si>
  <si>
    <t>川崎市立中央支援学校大戸分教室</t>
    <phoneticPr fontId="1"/>
  </si>
  <si>
    <t>おおと</t>
    <phoneticPr fontId="1"/>
  </si>
  <si>
    <t>211-0041</t>
    <phoneticPr fontId="1"/>
  </si>
  <si>
    <t>(044)766-3868</t>
    <phoneticPr fontId="1"/>
  </si>
  <si>
    <t>川崎市立中央支援学校稲田分教室</t>
    <phoneticPr fontId="1"/>
  </si>
  <si>
    <t>いなだ</t>
    <phoneticPr fontId="1"/>
  </si>
  <si>
    <t>214-0021</t>
    <phoneticPr fontId="1"/>
  </si>
  <si>
    <t>(044)922-5735</t>
    <phoneticPr fontId="1"/>
  </si>
  <si>
    <t>小（知的障害・肢体不自由）</t>
    <phoneticPr fontId="1"/>
  </si>
  <si>
    <t>たじましえん</t>
    <phoneticPr fontId="2"/>
  </si>
  <si>
    <t>(044)355-1240</t>
    <phoneticPr fontId="1"/>
  </si>
  <si>
    <t>（044)333-6103</t>
    <phoneticPr fontId="1"/>
  </si>
  <si>
    <t>たじましえんさくら</t>
    <phoneticPr fontId="2"/>
  </si>
  <si>
    <t>(044)299-2861</t>
    <phoneticPr fontId="1"/>
  </si>
  <si>
    <t>(044)299-2874</t>
    <phoneticPr fontId="1"/>
  </si>
  <si>
    <t>さくら</t>
    <phoneticPr fontId="1"/>
  </si>
  <si>
    <t>210-0833</t>
    <phoneticPr fontId="1"/>
  </si>
  <si>
    <t>(044)287-4067</t>
    <phoneticPr fontId="1"/>
  </si>
  <si>
    <r>
      <t>中・高（知的障害</t>
    </r>
    <r>
      <rPr>
        <sz val="11"/>
        <rFont val="ＭＳ Ｐゴシック"/>
        <family val="3"/>
        <charset val="128"/>
      </rPr>
      <t>・病弱教育）</t>
    </r>
    <rPh sb="0" eb="1">
      <t>チュウ</t>
    </rPh>
    <rPh sb="2" eb="3">
      <t>コウ</t>
    </rPh>
    <rPh sb="4" eb="6">
      <t>チテキ</t>
    </rPh>
    <rPh sb="6" eb="8">
      <t>ショウガイ</t>
    </rPh>
    <rPh sb="9" eb="11">
      <t>ビョウジャク</t>
    </rPh>
    <rPh sb="11" eb="13">
      <t>キョウイク</t>
    </rPh>
    <phoneticPr fontId="1"/>
  </si>
  <si>
    <t>（本校13校</t>
    <rPh sb="1" eb="3">
      <t>ホンコウ</t>
    </rPh>
    <rPh sb="5" eb="6">
      <t>コウ</t>
    </rPh>
    <phoneticPr fontId="1"/>
  </si>
  <si>
    <t>（本校29校</t>
    <rPh sb="1" eb="3">
      <t>ホンコウ</t>
    </rPh>
    <rPh sb="5" eb="6">
      <t>コウ</t>
    </rPh>
    <phoneticPr fontId="1"/>
  </si>
  <si>
    <t>(045)545-0146</t>
    <phoneticPr fontId="1"/>
  </si>
  <si>
    <t>分教室2教室）</t>
    <phoneticPr fontId="1"/>
  </si>
  <si>
    <t>(044)277-2120</t>
    <phoneticPr fontId="1"/>
  </si>
  <si>
    <t>神奈川県立鶴見支援学校</t>
    <rPh sb="7" eb="9">
      <t>シエン</t>
    </rPh>
    <rPh sb="9" eb="11">
      <t>ガッコウ</t>
    </rPh>
    <phoneticPr fontId="2"/>
  </si>
  <si>
    <t>つるみしえん</t>
    <phoneticPr fontId="1"/>
  </si>
  <si>
    <t>神奈川県立横浜南支援学校</t>
    <rPh sb="8" eb="10">
      <t>シエン</t>
    </rPh>
    <rPh sb="10" eb="12">
      <t>ガッコウ</t>
    </rPh>
    <phoneticPr fontId="2"/>
  </si>
  <si>
    <t>よこはまみなみしえん</t>
    <phoneticPr fontId="1"/>
  </si>
  <si>
    <t>神奈川県立保土ケ谷支援学校</t>
    <rPh sb="5" eb="9">
      <t>ホドガヤ</t>
    </rPh>
    <rPh sb="9" eb="11">
      <t>シエン</t>
    </rPh>
    <phoneticPr fontId="2"/>
  </si>
  <si>
    <t>ほどがやしえん</t>
    <phoneticPr fontId="1"/>
  </si>
  <si>
    <t>神奈川県立金沢支援学校</t>
    <rPh sb="0" eb="5">
      <t>カナガワケンリツ</t>
    </rPh>
    <rPh sb="5" eb="7">
      <t>カナザワ</t>
    </rPh>
    <rPh sb="7" eb="9">
      <t>シエン</t>
    </rPh>
    <rPh sb="9" eb="11">
      <t>ガッコウ</t>
    </rPh>
    <phoneticPr fontId="2"/>
  </si>
  <si>
    <t>かなざわしえん</t>
    <phoneticPr fontId="2"/>
  </si>
  <si>
    <t>神奈川県立みどり支援学校</t>
    <rPh sb="8" eb="10">
      <t>シエン</t>
    </rPh>
    <phoneticPr fontId="2"/>
  </si>
  <si>
    <t>みどりしえん</t>
    <phoneticPr fontId="1"/>
  </si>
  <si>
    <t>神奈川県立瀬谷支援学校</t>
    <rPh sb="7" eb="9">
      <t>シエン</t>
    </rPh>
    <phoneticPr fontId="2"/>
  </si>
  <si>
    <t>せやしえん</t>
    <phoneticPr fontId="1"/>
  </si>
  <si>
    <t>保土ケ谷支援学校舞岡分教室</t>
    <rPh sb="0" eb="4">
      <t>ホドガヤ</t>
    </rPh>
    <rPh sb="4" eb="6">
      <t>シエン</t>
    </rPh>
    <rPh sb="6" eb="8">
      <t>ガッコウ</t>
    </rPh>
    <rPh sb="8" eb="10">
      <t>マイオカ</t>
    </rPh>
    <rPh sb="10" eb="11">
      <t>ブン</t>
    </rPh>
    <rPh sb="11" eb="13">
      <t>キョウシツ</t>
    </rPh>
    <phoneticPr fontId="1"/>
  </si>
  <si>
    <t>保土ケ谷支援学校横浜平沼分教室</t>
    <rPh sb="0" eb="4">
      <t>ホドガヤ</t>
    </rPh>
    <rPh sb="4" eb="6">
      <t>シエン</t>
    </rPh>
    <rPh sb="6" eb="8">
      <t>ガッコウ</t>
    </rPh>
    <rPh sb="8" eb="10">
      <t>ヨコハマ</t>
    </rPh>
    <rPh sb="10" eb="12">
      <t>ヒラヌマ</t>
    </rPh>
    <rPh sb="12" eb="15">
      <t>ブンキョウシツ</t>
    </rPh>
    <phoneticPr fontId="1"/>
  </si>
  <si>
    <t>鶴見支援学校岸根分教室</t>
    <rPh sb="0" eb="2">
      <t>ツルミ</t>
    </rPh>
    <rPh sb="2" eb="4">
      <t>シエン</t>
    </rPh>
    <rPh sb="4" eb="6">
      <t>ガッコウ</t>
    </rPh>
    <rPh sb="6" eb="8">
      <t>キシネ</t>
    </rPh>
    <rPh sb="8" eb="9">
      <t>ブン</t>
    </rPh>
    <rPh sb="9" eb="11">
      <t>キョウシツ</t>
    </rPh>
    <phoneticPr fontId="1"/>
  </si>
  <si>
    <t>金沢支援学校横浜氷取沢分教室</t>
    <rPh sb="0" eb="2">
      <t>カナザワ</t>
    </rPh>
    <rPh sb="2" eb="4">
      <t>シエン</t>
    </rPh>
    <rPh sb="4" eb="6">
      <t>ガッコウ</t>
    </rPh>
    <rPh sb="6" eb="8">
      <t>ヨコハマ</t>
    </rPh>
    <rPh sb="8" eb="11">
      <t>ヒトリザワ</t>
    </rPh>
    <rPh sb="11" eb="14">
      <t>ブンキョウシツ</t>
    </rPh>
    <phoneticPr fontId="1"/>
  </si>
  <si>
    <t>みどり支援学校新栄分教室</t>
    <rPh sb="3" eb="5">
      <t>シエン</t>
    </rPh>
    <rPh sb="5" eb="7">
      <t>ガッコウ</t>
    </rPh>
    <rPh sb="7" eb="9">
      <t>シンエイ</t>
    </rPh>
    <rPh sb="9" eb="10">
      <t>ブン</t>
    </rPh>
    <rPh sb="10" eb="12">
      <t>キョウシツ</t>
    </rPh>
    <phoneticPr fontId="1"/>
  </si>
  <si>
    <t>瀬谷支援学校大和東分教室</t>
    <rPh sb="0" eb="2">
      <t>セヤ</t>
    </rPh>
    <rPh sb="2" eb="4">
      <t>シエン</t>
    </rPh>
    <rPh sb="4" eb="6">
      <t>ガッコウ</t>
    </rPh>
    <rPh sb="6" eb="8">
      <t>ヤマト</t>
    </rPh>
    <rPh sb="8" eb="9">
      <t>ヒガシ</t>
    </rPh>
    <rPh sb="9" eb="10">
      <t>ブン</t>
    </rPh>
    <rPh sb="10" eb="12">
      <t>キョウシツ</t>
    </rPh>
    <phoneticPr fontId="1"/>
  </si>
  <si>
    <t>瀬谷支援学校大和南分教室</t>
    <rPh sb="0" eb="2">
      <t>セヤ</t>
    </rPh>
    <rPh sb="2" eb="4">
      <t>シエン</t>
    </rPh>
    <rPh sb="4" eb="6">
      <t>ガッコウ</t>
    </rPh>
    <rPh sb="6" eb="8">
      <t>ヤマト</t>
    </rPh>
    <rPh sb="8" eb="9">
      <t>ミナミ</t>
    </rPh>
    <rPh sb="9" eb="10">
      <t>ブン</t>
    </rPh>
    <rPh sb="10" eb="12">
      <t>キョウシツ</t>
    </rPh>
    <phoneticPr fontId="1"/>
  </si>
  <si>
    <t>神奈川県立三ツ境支援学校</t>
    <rPh sb="8" eb="10">
      <t>シエン</t>
    </rPh>
    <phoneticPr fontId="2"/>
  </si>
  <si>
    <t>みつきょうしえん</t>
    <phoneticPr fontId="1"/>
  </si>
  <si>
    <t>神奈川県立中原支援学校</t>
    <rPh sb="7" eb="9">
      <t>シエン</t>
    </rPh>
    <phoneticPr fontId="2"/>
  </si>
  <si>
    <t>なかはらしえん</t>
    <phoneticPr fontId="1"/>
  </si>
  <si>
    <t>中原支援学校住吉分教室</t>
    <rPh sb="0" eb="2">
      <t>ナカハラ</t>
    </rPh>
    <rPh sb="2" eb="4">
      <t>シエン</t>
    </rPh>
    <rPh sb="4" eb="6">
      <t>ガッコウ</t>
    </rPh>
    <rPh sb="6" eb="8">
      <t>スミヨシ</t>
    </rPh>
    <rPh sb="8" eb="9">
      <t>ブン</t>
    </rPh>
    <rPh sb="9" eb="11">
      <t>キョウシツ</t>
    </rPh>
    <phoneticPr fontId="1"/>
  </si>
  <si>
    <t>神奈川県立高津支援学校</t>
    <rPh sb="7" eb="9">
      <t>シエン</t>
    </rPh>
    <rPh sb="9" eb="11">
      <t>ガッコウ</t>
    </rPh>
    <phoneticPr fontId="2"/>
  </si>
  <si>
    <t>たかつしえん</t>
    <phoneticPr fontId="1"/>
  </si>
  <si>
    <t>高津支援学校生田東分教室</t>
    <rPh sb="0" eb="2">
      <t>タカツ</t>
    </rPh>
    <rPh sb="2" eb="4">
      <t>シエン</t>
    </rPh>
    <rPh sb="4" eb="6">
      <t>ガッコウ</t>
    </rPh>
    <rPh sb="6" eb="8">
      <t>イクタ</t>
    </rPh>
    <rPh sb="8" eb="9">
      <t>ヒガシ</t>
    </rPh>
    <rPh sb="9" eb="12">
      <t>ブンキョウシツ</t>
    </rPh>
    <phoneticPr fontId="1"/>
  </si>
  <si>
    <t>高津支援学校川崎北分教室</t>
    <rPh sb="0" eb="2">
      <t>タカツ</t>
    </rPh>
    <rPh sb="2" eb="4">
      <t>シエン</t>
    </rPh>
    <rPh sb="4" eb="6">
      <t>ガッコウ</t>
    </rPh>
    <rPh sb="6" eb="8">
      <t>カワサキ</t>
    </rPh>
    <rPh sb="8" eb="9">
      <t>キタ</t>
    </rPh>
    <rPh sb="9" eb="12">
      <t>ブンキョウシツ</t>
    </rPh>
    <phoneticPr fontId="1"/>
  </si>
  <si>
    <t>神奈川県立麻生支援学校</t>
    <rPh sb="5" eb="7">
      <t>アサオ</t>
    </rPh>
    <rPh sb="7" eb="9">
      <t>シエン</t>
    </rPh>
    <phoneticPr fontId="2"/>
  </si>
  <si>
    <t>あさおしえん</t>
    <phoneticPr fontId="2"/>
  </si>
  <si>
    <t>麻生支援学校元石川分教室</t>
    <rPh sb="0" eb="2">
      <t>アサオ</t>
    </rPh>
    <rPh sb="2" eb="4">
      <t>シエン</t>
    </rPh>
    <rPh sb="4" eb="6">
      <t>ガッコウ</t>
    </rPh>
    <rPh sb="6" eb="7">
      <t>モト</t>
    </rPh>
    <rPh sb="7" eb="9">
      <t>イシカワ</t>
    </rPh>
    <rPh sb="9" eb="10">
      <t>ブン</t>
    </rPh>
    <rPh sb="10" eb="12">
      <t>キョウシツ</t>
    </rPh>
    <phoneticPr fontId="1"/>
  </si>
  <si>
    <t>神奈川県立津久井支援学校</t>
    <rPh sb="8" eb="10">
      <t>シエン</t>
    </rPh>
    <phoneticPr fontId="2"/>
  </si>
  <si>
    <t>つくいしえん</t>
    <phoneticPr fontId="2"/>
  </si>
  <si>
    <t>神奈川県立相模原支援学校</t>
    <rPh sb="8" eb="10">
      <t>シエン</t>
    </rPh>
    <phoneticPr fontId="2"/>
  </si>
  <si>
    <t>さがみはらしえん</t>
    <phoneticPr fontId="1"/>
  </si>
  <si>
    <t>相模原支援学校橋本分教室</t>
    <rPh sb="0" eb="3">
      <t>サガミハラ</t>
    </rPh>
    <rPh sb="3" eb="5">
      <t>シエン</t>
    </rPh>
    <rPh sb="5" eb="7">
      <t>ガッコウ</t>
    </rPh>
    <rPh sb="7" eb="9">
      <t>ハシモト</t>
    </rPh>
    <rPh sb="9" eb="10">
      <t>ブン</t>
    </rPh>
    <rPh sb="10" eb="12">
      <t>キョウシツ</t>
    </rPh>
    <phoneticPr fontId="1"/>
  </si>
  <si>
    <t>神奈川県立岩戸支援学校</t>
    <rPh sb="0" eb="5">
      <t>カナガワケンリツ</t>
    </rPh>
    <rPh sb="5" eb="7">
      <t>イワト</t>
    </rPh>
    <rPh sb="7" eb="9">
      <t>シエン</t>
    </rPh>
    <rPh sb="9" eb="11">
      <t>ガッコウ</t>
    </rPh>
    <phoneticPr fontId="1"/>
  </si>
  <si>
    <t>いわとしえん</t>
    <phoneticPr fontId="1"/>
  </si>
  <si>
    <t>神奈川県立武山支援学校</t>
    <rPh sb="7" eb="9">
      <t>シエン</t>
    </rPh>
    <phoneticPr fontId="2"/>
  </si>
  <si>
    <t>たけやましえん</t>
    <phoneticPr fontId="1"/>
  </si>
  <si>
    <t>武山支援学校津久井浜分教室</t>
    <rPh sb="0" eb="2">
      <t>タケヤマ</t>
    </rPh>
    <rPh sb="2" eb="4">
      <t>シエン</t>
    </rPh>
    <rPh sb="4" eb="6">
      <t>ガッコウ</t>
    </rPh>
    <rPh sb="6" eb="9">
      <t>ツクイ</t>
    </rPh>
    <rPh sb="9" eb="10">
      <t>ハマ</t>
    </rPh>
    <rPh sb="10" eb="11">
      <t>ブン</t>
    </rPh>
    <rPh sb="11" eb="13">
      <t>キョウシツ</t>
    </rPh>
    <phoneticPr fontId="1"/>
  </si>
  <si>
    <t>神奈川県立平塚支援学校</t>
    <rPh sb="7" eb="9">
      <t>シエン</t>
    </rPh>
    <phoneticPr fontId="2"/>
  </si>
  <si>
    <t>ひらつかしえん</t>
    <phoneticPr fontId="1"/>
  </si>
  <si>
    <t>しょうなんしえん</t>
    <phoneticPr fontId="1"/>
  </si>
  <si>
    <t>かまくらしえん</t>
    <phoneticPr fontId="1"/>
  </si>
  <si>
    <t>神奈川県立湘南支援学校</t>
    <rPh sb="7" eb="9">
      <t>シエン</t>
    </rPh>
    <phoneticPr fontId="2"/>
  </si>
  <si>
    <t>神奈川県立鎌倉支援学校</t>
    <rPh sb="7" eb="9">
      <t>シエン</t>
    </rPh>
    <phoneticPr fontId="2"/>
  </si>
  <si>
    <t>鎌倉支援学校金井分教室</t>
    <rPh sb="0" eb="2">
      <t>カマクラ</t>
    </rPh>
    <rPh sb="2" eb="4">
      <t>シエン</t>
    </rPh>
    <rPh sb="4" eb="6">
      <t>ガッコウ</t>
    </rPh>
    <rPh sb="6" eb="8">
      <t>カナイ</t>
    </rPh>
    <rPh sb="8" eb="9">
      <t>ブン</t>
    </rPh>
    <rPh sb="9" eb="11">
      <t>キョウシツ</t>
    </rPh>
    <phoneticPr fontId="1"/>
  </si>
  <si>
    <t>神奈川県立藤沢支援学校</t>
    <rPh sb="7" eb="9">
      <t>シエン</t>
    </rPh>
    <phoneticPr fontId="2"/>
  </si>
  <si>
    <t>ふじさわしえん</t>
    <phoneticPr fontId="1"/>
  </si>
  <si>
    <t>藤沢支援学校鎌倉分教室</t>
    <rPh sb="2" eb="4">
      <t>シエン</t>
    </rPh>
    <rPh sb="6" eb="8">
      <t>カマクラ</t>
    </rPh>
    <rPh sb="8" eb="9">
      <t>ブン</t>
    </rPh>
    <rPh sb="9" eb="11">
      <t>キョウシツ</t>
    </rPh>
    <phoneticPr fontId="2"/>
  </si>
  <si>
    <t>神奈川県立小田原支援学校</t>
    <rPh sb="8" eb="10">
      <t>シエン</t>
    </rPh>
    <phoneticPr fontId="2"/>
  </si>
  <si>
    <t>おだわらしえん</t>
    <phoneticPr fontId="1"/>
  </si>
  <si>
    <t>小田原支援学校大井分教室</t>
    <rPh sb="0" eb="3">
      <t>オダワラ</t>
    </rPh>
    <rPh sb="3" eb="5">
      <t>シエン</t>
    </rPh>
    <rPh sb="5" eb="7">
      <t>ガッコウ</t>
    </rPh>
    <rPh sb="7" eb="9">
      <t>オオイ</t>
    </rPh>
    <rPh sb="9" eb="12">
      <t>ブンキョウシツ</t>
    </rPh>
    <phoneticPr fontId="1"/>
  </si>
  <si>
    <t>神奈川県立茅ケ崎支援学校</t>
    <rPh sb="5" eb="8">
      <t>チガサキ</t>
    </rPh>
    <rPh sb="8" eb="10">
      <t>シエン</t>
    </rPh>
    <phoneticPr fontId="2"/>
  </si>
  <si>
    <t>神奈川県立秦野支援学校</t>
    <rPh sb="7" eb="9">
      <t>シエン</t>
    </rPh>
    <phoneticPr fontId="2"/>
  </si>
  <si>
    <t>神奈川県立伊勢原支援学校</t>
    <rPh sb="8" eb="10">
      <t>シエン</t>
    </rPh>
    <phoneticPr fontId="2"/>
  </si>
  <si>
    <t>ちがさきしえん</t>
    <phoneticPr fontId="1"/>
  </si>
  <si>
    <t>はだのしえん</t>
    <phoneticPr fontId="1"/>
  </si>
  <si>
    <t>いせはらしえん</t>
    <phoneticPr fontId="1"/>
  </si>
  <si>
    <t>伊勢原支援学校伊志田分教室</t>
    <rPh sb="3" eb="5">
      <t>シエン</t>
    </rPh>
    <rPh sb="7" eb="8">
      <t>イ</t>
    </rPh>
    <rPh sb="8" eb="9">
      <t>シ</t>
    </rPh>
    <rPh sb="9" eb="10">
      <t>タ</t>
    </rPh>
    <rPh sb="10" eb="11">
      <t>ブン</t>
    </rPh>
    <rPh sb="11" eb="13">
      <t>キョウシツ</t>
    </rPh>
    <phoneticPr fontId="2"/>
  </si>
  <si>
    <t>神奈川県立座間支援学校</t>
    <rPh sb="7" eb="9">
      <t>シエン</t>
    </rPh>
    <phoneticPr fontId="2"/>
  </si>
  <si>
    <t>ざましえん</t>
    <phoneticPr fontId="1"/>
  </si>
  <si>
    <t>座間支援学校有馬分教室</t>
    <rPh sb="0" eb="2">
      <t>ザマ</t>
    </rPh>
    <rPh sb="2" eb="4">
      <t>シエン</t>
    </rPh>
    <rPh sb="4" eb="6">
      <t>ガッコウ</t>
    </rPh>
    <rPh sb="6" eb="8">
      <t>アリマ</t>
    </rPh>
    <rPh sb="8" eb="9">
      <t>ブン</t>
    </rPh>
    <rPh sb="9" eb="11">
      <t>キョウシツ</t>
    </rPh>
    <phoneticPr fontId="1"/>
  </si>
  <si>
    <t>座間支援学校相模向陽館分教室</t>
    <rPh sb="0" eb="2">
      <t>ザマ</t>
    </rPh>
    <rPh sb="2" eb="4">
      <t>シエン</t>
    </rPh>
    <rPh sb="4" eb="6">
      <t>ガッコウ</t>
    </rPh>
    <rPh sb="6" eb="8">
      <t>サガミ</t>
    </rPh>
    <rPh sb="8" eb="11">
      <t>コウヨウカン</t>
    </rPh>
    <rPh sb="11" eb="14">
      <t>ブンキョウシツ</t>
    </rPh>
    <phoneticPr fontId="1"/>
  </si>
  <si>
    <r>
      <rPr>
        <sz val="11"/>
        <rFont val="ＭＳ Ｐゴシック"/>
        <family val="3"/>
        <charset val="128"/>
      </rPr>
      <t>よこはまひとりざわ</t>
    </r>
    <phoneticPr fontId="1"/>
  </si>
  <si>
    <r>
      <t>2</t>
    </r>
    <r>
      <rPr>
        <sz val="11"/>
        <rFont val="ＭＳ Ｐゴシック"/>
        <family val="3"/>
        <charset val="128"/>
      </rPr>
      <t>35-0043</t>
    </r>
    <phoneticPr fontId="1"/>
  </si>
  <si>
    <r>
      <t>横浜市磯子区氷取沢町938-2（</t>
    </r>
    <r>
      <rPr>
        <sz val="11"/>
        <rFont val="ＭＳ Ｐゴシック"/>
        <family val="3"/>
        <charset val="128"/>
      </rPr>
      <t>横浜氷取沢高校内）</t>
    </r>
    <rPh sb="0" eb="3">
      <t>ヨコハマシ</t>
    </rPh>
    <rPh sb="3" eb="6">
      <t>イソゴク</t>
    </rPh>
    <rPh sb="6" eb="9">
      <t>ヒトリザワ</t>
    </rPh>
    <rPh sb="9" eb="10">
      <t>マチ</t>
    </rPh>
    <rPh sb="16" eb="18">
      <t>ヨコハマ</t>
    </rPh>
    <rPh sb="18" eb="21">
      <t>ヒトリザワ</t>
    </rPh>
    <rPh sb="21" eb="23">
      <t>コウコウ</t>
    </rPh>
    <rPh sb="23" eb="24">
      <t>ナイ</t>
    </rPh>
    <phoneticPr fontId="1"/>
  </si>
  <si>
    <r>
      <t>242-001</t>
    </r>
    <r>
      <rPr>
        <sz val="11"/>
        <rFont val="ＭＳ Ｐゴシック"/>
        <family val="3"/>
        <charset val="128"/>
      </rPr>
      <t>4</t>
    </r>
    <phoneticPr fontId="1"/>
  </si>
  <si>
    <r>
      <t>川崎市中原区木月住吉町3</t>
    </r>
    <r>
      <rPr>
        <sz val="11"/>
        <rFont val="ＭＳ Ｐゴシック"/>
        <family val="3"/>
        <charset val="128"/>
      </rPr>
      <t>4-1(住吉高校内）</t>
    </r>
    <rPh sb="6" eb="8">
      <t>キヅキ</t>
    </rPh>
    <rPh sb="8" eb="11">
      <t>スミヨシチョウ</t>
    </rPh>
    <rPh sb="16" eb="18">
      <t>スミヨシ</t>
    </rPh>
    <rPh sb="18" eb="20">
      <t>コウコウ</t>
    </rPh>
    <rPh sb="20" eb="21">
      <t>ナイ</t>
    </rPh>
    <phoneticPr fontId="1"/>
  </si>
  <si>
    <r>
      <t>2</t>
    </r>
    <r>
      <rPr>
        <sz val="11"/>
        <rFont val="ＭＳ Ｐゴシック"/>
        <family val="3"/>
        <charset val="128"/>
      </rPr>
      <t>16-0003</t>
    </r>
    <phoneticPr fontId="1"/>
  </si>
  <si>
    <r>
      <t>川崎市宮前区有馬3</t>
    </r>
    <r>
      <rPr>
        <sz val="11"/>
        <rFont val="ＭＳ Ｐゴシック"/>
        <family val="3"/>
        <charset val="128"/>
      </rPr>
      <t>-22-1（川崎北高校内）</t>
    </r>
    <rPh sb="0" eb="3">
      <t>カワサキシ</t>
    </rPh>
    <rPh sb="3" eb="6">
      <t>ミヤマエク</t>
    </rPh>
    <rPh sb="6" eb="8">
      <t>アリマ</t>
    </rPh>
    <rPh sb="15" eb="17">
      <t>カワサキ</t>
    </rPh>
    <rPh sb="17" eb="18">
      <t>キタ</t>
    </rPh>
    <rPh sb="18" eb="20">
      <t>コウコウ</t>
    </rPh>
    <rPh sb="20" eb="21">
      <t>ナイ</t>
    </rPh>
    <phoneticPr fontId="1"/>
  </si>
  <si>
    <r>
      <t>2</t>
    </r>
    <r>
      <rPr>
        <sz val="11"/>
        <rFont val="ＭＳ Ｐゴシック"/>
        <family val="3"/>
        <charset val="128"/>
      </rPr>
      <t>52-0175</t>
    </r>
    <phoneticPr fontId="2"/>
  </si>
  <si>
    <r>
      <t>2</t>
    </r>
    <r>
      <rPr>
        <sz val="11"/>
        <rFont val="ＭＳ Ｐゴシック"/>
        <family val="3"/>
        <charset val="128"/>
      </rPr>
      <t>52-0336</t>
    </r>
    <phoneticPr fontId="1"/>
  </si>
  <si>
    <r>
      <t>2</t>
    </r>
    <r>
      <rPr>
        <sz val="11"/>
        <rFont val="ＭＳ Ｐゴシック"/>
        <family val="3"/>
        <charset val="128"/>
      </rPr>
      <t>52-0143</t>
    </r>
    <phoneticPr fontId="1"/>
  </si>
  <si>
    <r>
      <t>2</t>
    </r>
    <r>
      <rPr>
        <sz val="11"/>
        <rFont val="ＭＳ Ｐゴシック"/>
        <family val="3"/>
        <charset val="128"/>
      </rPr>
      <t>39-0844</t>
    </r>
    <phoneticPr fontId="1"/>
  </si>
  <si>
    <r>
      <t>2</t>
    </r>
    <r>
      <rPr>
        <sz val="11"/>
        <rFont val="ＭＳ Ｐゴシック"/>
        <family val="3"/>
        <charset val="128"/>
      </rPr>
      <t>48-0026</t>
    </r>
    <phoneticPr fontId="1"/>
  </si>
  <si>
    <r>
      <t>(0467)32-872</t>
    </r>
    <r>
      <rPr>
        <sz val="11"/>
        <rFont val="ＭＳ Ｐゴシック"/>
        <family val="3"/>
        <charset val="128"/>
      </rPr>
      <t>2</t>
    </r>
    <phoneticPr fontId="1"/>
  </si>
  <si>
    <r>
      <t>2</t>
    </r>
    <r>
      <rPr>
        <sz val="11"/>
        <rFont val="ＭＳ Ｐゴシック"/>
        <family val="3"/>
        <charset val="128"/>
      </rPr>
      <t>58-0017</t>
    </r>
    <phoneticPr fontId="1"/>
  </si>
  <si>
    <r>
      <t>足柄上郡大井町西大井9</t>
    </r>
    <r>
      <rPr>
        <sz val="11"/>
        <rFont val="ＭＳ Ｐゴシック"/>
        <family val="3"/>
        <charset val="128"/>
      </rPr>
      <t>84-1（大井高校内）</t>
    </r>
    <rPh sb="0" eb="2">
      <t>アシガラ</t>
    </rPh>
    <rPh sb="2" eb="3">
      <t>カミ</t>
    </rPh>
    <rPh sb="3" eb="4">
      <t>グン</t>
    </rPh>
    <rPh sb="4" eb="7">
      <t>オオイマチ</t>
    </rPh>
    <rPh sb="7" eb="10">
      <t>ニシオオイ</t>
    </rPh>
    <rPh sb="16" eb="18">
      <t>オオイ</t>
    </rPh>
    <rPh sb="18" eb="20">
      <t>コウコウ</t>
    </rPh>
    <rPh sb="20" eb="21">
      <t>ナイ</t>
    </rPh>
    <phoneticPr fontId="1"/>
  </si>
  <si>
    <r>
      <t>茅ヶ崎市西久保29</t>
    </r>
    <r>
      <rPr>
        <sz val="11"/>
        <rFont val="ＭＳ Ｐゴシック"/>
        <family val="3"/>
        <charset val="128"/>
      </rPr>
      <t>-1</t>
    </r>
    <phoneticPr fontId="1"/>
  </si>
  <si>
    <r>
      <t>2</t>
    </r>
    <r>
      <rPr>
        <sz val="11"/>
        <rFont val="ＭＳ Ｐゴシック"/>
        <family val="3"/>
        <charset val="128"/>
      </rPr>
      <t>57-0037</t>
    </r>
    <phoneticPr fontId="1"/>
  </si>
  <si>
    <r>
      <t>秦野市末広町6</t>
    </r>
    <r>
      <rPr>
        <sz val="11"/>
        <rFont val="ＭＳ Ｐゴシック"/>
        <family val="3"/>
        <charset val="128"/>
      </rPr>
      <t>-6（秦野市立末広小学校内）</t>
    </r>
    <rPh sb="0" eb="3">
      <t>ハダノシ</t>
    </rPh>
    <rPh sb="3" eb="5">
      <t>スエヒロ</t>
    </rPh>
    <rPh sb="5" eb="6">
      <t>マチ</t>
    </rPh>
    <rPh sb="10" eb="14">
      <t>ハダノシリツ</t>
    </rPh>
    <rPh sb="14" eb="16">
      <t>スエヒロ</t>
    </rPh>
    <rPh sb="16" eb="19">
      <t>ショウガッコウ</t>
    </rPh>
    <rPh sb="19" eb="20">
      <t>ナイ</t>
    </rPh>
    <phoneticPr fontId="1"/>
  </si>
  <si>
    <r>
      <t>(</t>
    </r>
    <r>
      <rPr>
        <sz val="11"/>
        <rFont val="ＭＳ Ｐゴシック"/>
        <family val="3"/>
        <charset val="128"/>
      </rPr>
      <t>0463)82-3551</t>
    </r>
    <phoneticPr fontId="1"/>
  </si>
  <si>
    <r>
      <t>(</t>
    </r>
    <r>
      <rPr>
        <sz val="11"/>
        <rFont val="ＭＳ Ｐゴシック"/>
        <family val="3"/>
        <charset val="128"/>
      </rPr>
      <t>0463)80-2700</t>
    </r>
    <phoneticPr fontId="1"/>
  </si>
  <si>
    <r>
      <t>伊勢原市石田13</t>
    </r>
    <r>
      <rPr>
        <sz val="11"/>
        <rFont val="ＭＳ Ｐゴシック"/>
        <family val="3"/>
        <charset val="128"/>
      </rPr>
      <t>56－1(伊志田高校内)</t>
    </r>
    <rPh sb="13" eb="14">
      <t>イ</t>
    </rPh>
    <rPh sb="14" eb="15">
      <t>シ</t>
    </rPh>
    <rPh sb="15" eb="16">
      <t>タ</t>
    </rPh>
    <rPh sb="16" eb="18">
      <t>コウコウ</t>
    </rPh>
    <rPh sb="18" eb="19">
      <t>ナイ</t>
    </rPh>
    <phoneticPr fontId="1"/>
  </si>
  <si>
    <r>
      <t>252-002</t>
    </r>
    <r>
      <rPr>
        <sz val="11"/>
        <rFont val="ＭＳ Ｐゴシック"/>
        <family val="3"/>
        <charset val="128"/>
      </rPr>
      <t>9</t>
    </r>
    <phoneticPr fontId="1"/>
  </si>
  <si>
    <r>
      <t>座間市入谷</t>
    </r>
    <r>
      <rPr>
        <sz val="11"/>
        <rFont val="ＭＳ Ｐゴシック"/>
        <family val="3"/>
        <charset val="128"/>
      </rPr>
      <t>西5-10-1</t>
    </r>
    <rPh sb="5" eb="6">
      <t>ニシ</t>
    </rPh>
    <phoneticPr fontId="1"/>
  </si>
  <si>
    <r>
      <t>(046)255-225</t>
    </r>
    <r>
      <rPr>
        <sz val="11"/>
        <rFont val="ＭＳ Ｐゴシック"/>
        <family val="3"/>
        <charset val="128"/>
      </rPr>
      <t>3</t>
    </r>
    <phoneticPr fontId="1"/>
  </si>
  <si>
    <r>
      <t>海老名市社家</t>
    </r>
    <r>
      <rPr>
        <sz val="11"/>
        <rFont val="ＭＳ Ｐゴシック"/>
        <family val="3"/>
        <charset val="128"/>
      </rPr>
      <t>5-27-1（有馬高校内）</t>
    </r>
    <rPh sb="0" eb="4">
      <t>エビナシ</t>
    </rPh>
    <rPh sb="4" eb="6">
      <t>シャケ</t>
    </rPh>
    <rPh sb="13" eb="15">
      <t>アリマ</t>
    </rPh>
    <rPh sb="15" eb="17">
      <t>コウコウ</t>
    </rPh>
    <rPh sb="17" eb="18">
      <t>ナイ</t>
    </rPh>
    <phoneticPr fontId="1"/>
  </si>
  <si>
    <r>
      <t>2</t>
    </r>
    <r>
      <rPr>
        <sz val="11"/>
        <rFont val="ＭＳ Ｐゴシック"/>
        <family val="3"/>
        <charset val="128"/>
      </rPr>
      <t>52-0003</t>
    </r>
    <phoneticPr fontId="1"/>
  </si>
  <si>
    <r>
      <t>座間市ひばりが丘3</t>
    </r>
    <r>
      <rPr>
        <sz val="11"/>
        <rFont val="ＭＳ Ｐゴシック"/>
        <family val="3"/>
        <charset val="128"/>
      </rPr>
      <t>-58-1（相模向陽館高校内）</t>
    </r>
    <rPh sb="0" eb="3">
      <t>ザマシ</t>
    </rPh>
    <rPh sb="7" eb="8">
      <t>オカ</t>
    </rPh>
    <rPh sb="15" eb="17">
      <t>サガミ</t>
    </rPh>
    <rPh sb="17" eb="20">
      <t>コウヨウカン</t>
    </rPh>
    <rPh sb="20" eb="22">
      <t>コウコウ</t>
    </rPh>
    <rPh sb="22" eb="23">
      <t>ナイ</t>
    </rPh>
    <phoneticPr fontId="1"/>
  </si>
  <si>
    <r>
      <t>2</t>
    </r>
    <r>
      <rPr>
        <sz val="11"/>
        <rFont val="ＭＳ Ｐゴシック"/>
        <family val="3"/>
        <charset val="128"/>
      </rPr>
      <t>52-0221</t>
    </r>
    <phoneticPr fontId="1"/>
  </si>
  <si>
    <r>
      <t>相模原市中央区高根1</t>
    </r>
    <r>
      <rPr>
        <sz val="11"/>
        <rFont val="ＭＳ Ｐゴシック"/>
        <family val="3"/>
        <charset val="128"/>
      </rPr>
      <t>-5-36</t>
    </r>
    <rPh sb="0" eb="4">
      <t>サガミハラシ</t>
    </rPh>
    <rPh sb="4" eb="7">
      <t>チュウオウク</t>
    </rPh>
    <rPh sb="7" eb="8">
      <t>タカ</t>
    </rPh>
    <rPh sb="8" eb="9">
      <t>ネ</t>
    </rPh>
    <phoneticPr fontId="1"/>
  </si>
  <si>
    <r>
      <t>小・中・高</t>
    </r>
    <r>
      <rPr>
        <sz val="11"/>
        <rFont val="ＭＳ Ｐゴシック"/>
        <family val="3"/>
        <charset val="128"/>
      </rPr>
      <t>（肢体不自由）</t>
    </r>
    <rPh sb="0" eb="1">
      <t>ショウ</t>
    </rPh>
    <rPh sb="2" eb="3">
      <t>チュウ</t>
    </rPh>
    <rPh sb="4" eb="5">
      <t>コウ</t>
    </rPh>
    <phoneticPr fontId="1"/>
  </si>
  <si>
    <r>
      <t>23</t>
    </r>
    <r>
      <rPr>
        <sz val="11"/>
        <rFont val="ＭＳ Ｐゴシック"/>
        <family val="3"/>
        <charset val="128"/>
      </rPr>
      <t>0-0012</t>
    </r>
    <phoneticPr fontId="1"/>
  </si>
  <si>
    <r>
      <t>横浜市鶴見区下末吉3</t>
    </r>
    <r>
      <rPr>
        <sz val="11"/>
        <rFont val="ＭＳ Ｐゴシック"/>
        <family val="3"/>
        <charset val="128"/>
      </rPr>
      <t>-6-1(済生会横浜市東部病院内)</t>
    </r>
    <rPh sb="0" eb="3">
      <t>ヨコハマシ</t>
    </rPh>
    <rPh sb="3" eb="6">
      <t>ツルミク</t>
    </rPh>
    <rPh sb="6" eb="7">
      <t>シモ</t>
    </rPh>
    <rPh sb="7" eb="9">
      <t>スエヨシ</t>
    </rPh>
    <rPh sb="15" eb="16">
      <t>スミ</t>
    </rPh>
    <rPh sb="16" eb="23">
      <t>セイカイヨコハマシトウブ</t>
    </rPh>
    <rPh sb="23" eb="25">
      <t>ビョウイン</t>
    </rPh>
    <rPh sb="25" eb="26">
      <t>ナイ</t>
    </rPh>
    <phoneticPr fontId="1"/>
  </si>
  <si>
    <t>三ツ境支援学校横浜緑園分教室</t>
    <rPh sb="0" eb="1">
      <t>ミ</t>
    </rPh>
    <rPh sb="2" eb="3">
      <t>キョウ</t>
    </rPh>
    <rPh sb="3" eb="5">
      <t>シエン</t>
    </rPh>
    <rPh sb="5" eb="7">
      <t>ガッコウ</t>
    </rPh>
    <rPh sb="7" eb="9">
      <t>ヨコハマ</t>
    </rPh>
    <rPh sb="9" eb="11">
      <t>リョクエン</t>
    </rPh>
    <rPh sb="11" eb="12">
      <t>ブン</t>
    </rPh>
    <rPh sb="12" eb="14">
      <t>キョウシツ</t>
    </rPh>
    <phoneticPr fontId="1"/>
  </si>
  <si>
    <t>よこはまりょくえん</t>
    <phoneticPr fontId="1"/>
  </si>
  <si>
    <t>横浜市泉区岡津町2667（横浜緑園高校内）</t>
    <rPh sb="0" eb="3">
      <t>ヨコハマシ</t>
    </rPh>
    <rPh sb="3" eb="5">
      <t>イズミク</t>
    </rPh>
    <rPh sb="5" eb="8">
      <t>オカツチョウ</t>
    </rPh>
    <rPh sb="13" eb="15">
      <t>ヨコハマ</t>
    </rPh>
    <rPh sb="15" eb="17">
      <t>リョクエン</t>
    </rPh>
    <rPh sb="17" eb="19">
      <t>コウコウ</t>
    </rPh>
    <rPh sb="18" eb="19">
      <t>セタカ</t>
    </rPh>
    <rPh sb="19" eb="20">
      <t>ナイ</t>
    </rPh>
    <phoneticPr fontId="1"/>
  </si>
  <si>
    <t>245-0003</t>
    <phoneticPr fontId="1"/>
  </si>
  <si>
    <t>(045)811-5231</t>
    <phoneticPr fontId="1"/>
  </si>
  <si>
    <t>(045)811-5232</t>
    <phoneticPr fontId="1"/>
  </si>
  <si>
    <t>分教室20教室）</t>
    <phoneticPr fontId="1"/>
  </si>
  <si>
    <t>259-0301</t>
  </si>
  <si>
    <t>足柄下郡湯河原町中央2-21-3</t>
  </si>
  <si>
    <t>(0465)60-1800</t>
  </si>
  <si>
    <t>(0465)60-1805</t>
  </si>
  <si>
    <t>令和６年４月１日現在</t>
    <rPh sb="0" eb="2">
      <t>レイワ</t>
    </rPh>
    <rPh sb="3" eb="4">
      <t>ネン</t>
    </rPh>
    <rPh sb="5" eb="6">
      <t>ガツ</t>
    </rPh>
    <rPh sb="7" eb="8">
      <t>ニチ</t>
    </rPh>
    <rPh sb="8" eb="10">
      <t>ゲンザイ</t>
    </rPh>
    <phoneticPr fontId="1"/>
  </si>
  <si>
    <t>小（知的障害・肢体不自由・病弱）</t>
    <rPh sb="13" eb="15">
      <t>ビョウジャ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x14ac:knownFonts="1">
    <font>
      <sz val="11"/>
      <name val="ＭＳ Ｐゴシック"/>
      <family val="3"/>
      <charset val="128"/>
    </font>
    <font>
      <sz val="6"/>
      <name val="ＭＳ Ｐゴシック"/>
      <family val="3"/>
      <charset val="128"/>
    </font>
    <font>
      <sz val="6"/>
      <name val="ＭＳ Ｐ明朝"/>
      <family val="1"/>
      <charset val="128"/>
    </font>
    <font>
      <b/>
      <sz val="11"/>
      <name val="ＭＳ Ｐゴシック"/>
      <family val="3"/>
      <charset val="128"/>
    </font>
  </fonts>
  <fills count="3">
    <fill>
      <patternFill patternType="none"/>
    </fill>
    <fill>
      <patternFill patternType="gray125"/>
    </fill>
    <fill>
      <patternFill patternType="solid">
        <fgColor theme="3" tint="0.79998168889431442"/>
        <bgColor indexed="64"/>
      </patternFill>
    </fill>
  </fills>
  <borders count="43">
    <border>
      <left/>
      <right/>
      <top/>
      <bottom/>
      <diagonal/>
    </border>
    <border>
      <left style="medium">
        <color indexed="64"/>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bottom/>
      <diagonal/>
    </border>
    <border>
      <left/>
      <right style="medium">
        <color indexed="64"/>
      </right>
      <top/>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style="thin">
        <color indexed="64"/>
      </right>
      <top/>
      <bottom/>
      <diagonal/>
    </border>
    <border>
      <left style="thin">
        <color indexed="64"/>
      </left>
      <right/>
      <top style="hair">
        <color indexed="64"/>
      </top>
      <bottom style="hair">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top/>
      <bottom style="medium">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hair">
        <color indexed="64"/>
      </top>
      <bottom style="hair">
        <color indexed="64"/>
      </bottom>
      <diagonal/>
    </border>
    <border>
      <left style="thin">
        <color indexed="64"/>
      </left>
      <right style="thin">
        <color indexed="64"/>
      </right>
      <top style="hair">
        <color indexed="64"/>
      </top>
      <bottom/>
      <diagonal/>
    </border>
    <border>
      <left style="thin">
        <color indexed="64"/>
      </left>
      <right style="thin">
        <color indexed="64"/>
      </right>
      <top style="medium">
        <color indexed="64"/>
      </top>
      <bottom style="hair">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bottom/>
      <diagonal/>
    </border>
    <border>
      <left style="thin">
        <color indexed="64"/>
      </left>
      <right style="medium">
        <color indexed="64"/>
      </right>
      <top style="medium">
        <color indexed="64"/>
      </top>
      <bottom/>
      <diagonal/>
    </border>
    <border>
      <left style="thin">
        <color indexed="64"/>
      </left>
      <right style="medium">
        <color indexed="64"/>
      </right>
      <top style="hair">
        <color indexed="64"/>
      </top>
      <bottom/>
      <diagonal/>
    </border>
    <border>
      <left style="thin">
        <color indexed="64"/>
      </left>
      <right style="medium">
        <color indexed="64"/>
      </right>
      <top/>
      <bottom style="medium">
        <color indexed="64"/>
      </bottom>
      <diagonal/>
    </border>
    <border>
      <left style="thin">
        <color indexed="64"/>
      </left>
      <right style="thin">
        <color indexed="64"/>
      </right>
      <top/>
      <bottom style="hair">
        <color indexed="64"/>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thin">
        <color indexed="64"/>
      </left>
      <right style="medium">
        <color indexed="64"/>
      </right>
      <top/>
      <bottom style="hair">
        <color indexed="64"/>
      </bottom>
      <diagonal/>
    </border>
    <border>
      <left style="hair">
        <color indexed="64"/>
      </left>
      <right/>
      <top style="hair">
        <color indexed="64"/>
      </top>
      <bottom style="medium">
        <color indexed="64"/>
      </bottom>
      <diagonal/>
    </border>
    <border>
      <left/>
      <right/>
      <top style="hair">
        <color indexed="64"/>
      </top>
      <bottom/>
      <diagonal/>
    </border>
  </borders>
  <cellStyleXfs count="1">
    <xf numFmtId="0" fontId="0" fillId="0" borderId="0"/>
  </cellStyleXfs>
  <cellXfs count="85">
    <xf numFmtId="0" fontId="0" fillId="0" borderId="0" xfId="0"/>
    <xf numFmtId="0" fontId="0" fillId="0" borderId="9" xfId="0" applyNumberFormat="1" applyFont="1" applyFill="1" applyBorder="1" applyAlignment="1">
      <alignment horizontal="left" vertical="center" shrinkToFit="1"/>
    </xf>
    <xf numFmtId="0" fontId="3" fillId="0" borderId="0" xfId="0" applyFont="1" applyFill="1" applyBorder="1" applyAlignment="1">
      <alignment vertical="center"/>
    </xf>
    <xf numFmtId="0" fontId="0" fillId="0" borderId="6" xfId="0" applyNumberFormat="1" applyFont="1" applyFill="1" applyBorder="1" applyAlignment="1">
      <alignment horizontal="left" vertical="center" shrinkToFit="1"/>
    </xf>
    <xf numFmtId="0" fontId="0" fillId="0" borderId="23" xfId="0" applyNumberFormat="1" applyFont="1" applyFill="1" applyBorder="1" applyAlignment="1">
      <alignment horizontal="left" vertical="center" shrinkToFit="1"/>
    </xf>
    <xf numFmtId="0" fontId="0" fillId="2" borderId="1" xfId="0" applyFont="1" applyFill="1" applyBorder="1" applyAlignment="1">
      <alignment horizontal="center" vertical="center"/>
    </xf>
    <xf numFmtId="0" fontId="0" fillId="0" borderId="0" xfId="0" applyFont="1" applyFill="1"/>
    <xf numFmtId="0" fontId="0" fillId="0" borderId="0" xfId="0" applyFont="1"/>
    <xf numFmtId="0" fontId="0" fillId="0" borderId="14" xfId="0" applyNumberFormat="1" applyFont="1" applyFill="1" applyBorder="1" applyAlignment="1">
      <alignment horizontal="left" vertical="center" shrinkToFit="1"/>
    </xf>
    <xf numFmtId="0" fontId="0" fillId="0" borderId="0" xfId="0" applyFont="1" applyFill="1" applyAlignment="1">
      <alignment horizontal="center" vertical="center" shrinkToFit="1"/>
    </xf>
    <xf numFmtId="0" fontId="0" fillId="0" borderId="0" xfId="0" applyFont="1" applyAlignment="1">
      <alignment horizontal="left" vertical="center"/>
    </xf>
    <xf numFmtId="0" fontId="0" fillId="0" borderId="0" xfId="0" applyFont="1" applyAlignment="1">
      <alignment horizontal="center" vertical="center"/>
    </xf>
    <xf numFmtId="0" fontId="0" fillId="0" borderId="0" xfId="0" applyFont="1" applyFill="1" applyAlignment="1">
      <alignment horizontal="left" vertical="center" shrinkToFit="1"/>
    </xf>
    <xf numFmtId="0" fontId="0" fillId="2" borderId="2" xfId="0" applyFont="1" applyFill="1" applyBorder="1" applyAlignment="1">
      <alignment horizontal="center" vertical="center" shrinkToFit="1"/>
    </xf>
    <xf numFmtId="0" fontId="0" fillId="2" borderId="3" xfId="0" applyFont="1" applyFill="1" applyBorder="1" applyAlignment="1">
      <alignment horizontal="center" vertical="center"/>
    </xf>
    <xf numFmtId="0" fontId="0" fillId="2" borderId="2" xfId="0" applyFont="1" applyFill="1" applyBorder="1" applyAlignment="1">
      <alignment horizontal="center" vertical="center"/>
    </xf>
    <xf numFmtId="0" fontId="0" fillId="2" borderId="3" xfId="0" applyFont="1" applyFill="1" applyBorder="1" applyAlignment="1">
      <alignment horizontal="center" vertical="center" shrinkToFit="1"/>
    </xf>
    <xf numFmtId="0" fontId="0" fillId="2" borderId="4" xfId="0" applyFont="1" applyFill="1" applyBorder="1" applyAlignment="1">
      <alignment horizontal="center" vertical="center"/>
    </xf>
    <xf numFmtId="0" fontId="0" fillId="0" borderId="0" xfId="0" applyFont="1" applyFill="1" applyAlignment="1">
      <alignment horizontal="center"/>
    </xf>
    <xf numFmtId="0" fontId="0" fillId="0" borderId="0" xfId="0" applyFont="1" applyAlignment="1">
      <alignment horizontal="center"/>
    </xf>
    <xf numFmtId="49" fontId="0" fillId="0" borderId="32" xfId="0" applyNumberFormat="1" applyFont="1" applyFill="1" applyBorder="1" applyAlignment="1">
      <alignment horizontal="center" vertical="center" wrapText="1"/>
    </xf>
    <xf numFmtId="0" fontId="0" fillId="0" borderId="21" xfId="0" applyNumberFormat="1" applyFont="1" applyFill="1" applyBorder="1" applyAlignment="1">
      <alignment horizontal="left" vertical="center" shrinkToFit="1"/>
    </xf>
    <xf numFmtId="0" fontId="0" fillId="0" borderId="27" xfId="0" applyNumberFormat="1" applyFont="1" applyFill="1" applyBorder="1" applyAlignment="1">
      <alignment horizontal="left" vertical="center" shrinkToFit="1"/>
    </xf>
    <xf numFmtId="0" fontId="0" fillId="0" borderId="0" xfId="0" applyFont="1" applyFill="1" applyAlignment="1">
      <alignment shrinkToFit="1"/>
    </xf>
    <xf numFmtId="0" fontId="0" fillId="0" borderId="0" xfId="0" applyFont="1" applyFill="1" applyAlignment="1"/>
    <xf numFmtId="0" fontId="0" fillId="0" borderId="0" xfId="0" applyFont="1" applyFill="1" applyAlignment="1">
      <alignment horizontal="center" vertical="center"/>
    </xf>
    <xf numFmtId="0" fontId="0" fillId="0" borderId="0" xfId="0" applyFont="1" applyAlignment="1"/>
    <xf numFmtId="0" fontId="0" fillId="0" borderId="5" xfId="0" applyNumberFormat="1" applyFont="1" applyFill="1" applyBorder="1" applyAlignment="1">
      <alignment horizontal="center" vertical="center" shrinkToFit="1"/>
    </xf>
    <xf numFmtId="0" fontId="0" fillId="0" borderId="0" xfId="0" applyNumberFormat="1" applyFont="1" applyFill="1" applyBorder="1" applyAlignment="1">
      <alignment horizontal="left" vertical="center" shrinkToFit="1"/>
    </xf>
    <xf numFmtId="0" fontId="0" fillId="0" borderId="0" xfId="0" applyNumberFormat="1" applyFont="1" applyFill="1" applyBorder="1" applyAlignment="1">
      <alignment horizontal="center" vertical="center" shrinkToFit="1"/>
    </xf>
    <xf numFmtId="0" fontId="0" fillId="0" borderId="6" xfId="0" applyNumberFormat="1" applyFont="1" applyFill="1" applyBorder="1" applyAlignment="1">
      <alignment horizontal="center" vertical="center" shrinkToFit="1"/>
    </xf>
    <xf numFmtId="0" fontId="0" fillId="0" borderId="7" xfId="0" applyNumberFormat="1" applyFont="1" applyFill="1" applyBorder="1" applyAlignment="1">
      <alignment horizontal="left" vertical="center" shrinkToFit="1"/>
    </xf>
    <xf numFmtId="0" fontId="0" fillId="0" borderId="11" xfId="0" applyNumberFormat="1" applyFont="1" applyFill="1" applyBorder="1" applyAlignment="1">
      <alignment horizontal="center" vertical="center" shrinkToFit="1"/>
    </xf>
    <xf numFmtId="0" fontId="0" fillId="0" borderId="8" xfId="0" applyNumberFormat="1" applyFont="1" applyFill="1" applyBorder="1" applyAlignment="1">
      <alignment horizontal="left" vertical="center" shrinkToFit="1"/>
    </xf>
    <xf numFmtId="0" fontId="0" fillId="0" borderId="8" xfId="0" applyNumberFormat="1" applyFont="1" applyFill="1" applyBorder="1" applyAlignment="1">
      <alignment horizontal="center" vertical="center" shrinkToFit="1"/>
    </xf>
    <xf numFmtId="0" fontId="0" fillId="0" borderId="9" xfId="0" applyNumberFormat="1" applyFont="1" applyFill="1" applyBorder="1" applyAlignment="1">
      <alignment horizontal="center" vertical="center" shrinkToFit="1"/>
    </xf>
    <xf numFmtId="0" fontId="0" fillId="0" borderId="10" xfId="0" applyNumberFormat="1" applyFont="1" applyFill="1" applyBorder="1" applyAlignment="1">
      <alignment horizontal="left" vertical="center" shrinkToFit="1"/>
    </xf>
    <xf numFmtId="0" fontId="0" fillId="0" borderId="11" xfId="0" applyNumberFormat="1" applyFont="1" applyFill="1" applyBorder="1" applyAlignment="1">
      <alignment vertical="center" shrinkToFit="1"/>
    </xf>
    <xf numFmtId="0" fontId="0" fillId="0" borderId="12" xfId="0" applyNumberFormat="1" applyFont="1" applyFill="1" applyBorder="1" applyAlignment="1">
      <alignment horizontal="left" vertical="center" shrinkToFit="1"/>
    </xf>
    <xf numFmtId="0" fontId="0" fillId="0" borderId="41" xfId="0" applyNumberFormat="1" applyFont="1" applyFill="1" applyBorder="1" applyAlignment="1">
      <alignment horizontal="left" vertical="center" shrinkToFit="1"/>
    </xf>
    <xf numFmtId="0" fontId="0" fillId="0" borderId="23" xfId="0" applyNumberFormat="1" applyFont="1" applyFill="1" applyBorder="1" applyAlignment="1">
      <alignment horizontal="center" vertical="center" shrinkToFit="1"/>
    </xf>
    <xf numFmtId="0" fontId="0" fillId="0" borderId="38" xfId="0" applyNumberFormat="1" applyFont="1" applyFill="1" applyBorder="1" applyAlignment="1">
      <alignment horizontal="center" vertical="center" shrinkToFit="1"/>
    </xf>
    <xf numFmtId="0" fontId="0" fillId="0" borderId="16" xfId="0" applyNumberFormat="1" applyFont="1" applyFill="1" applyBorder="1" applyAlignment="1">
      <alignment horizontal="center" vertical="center" shrinkToFit="1"/>
    </xf>
    <xf numFmtId="0" fontId="0" fillId="0" borderId="19" xfId="0" applyNumberFormat="1" applyFont="1" applyFill="1" applyBorder="1" applyAlignment="1">
      <alignment horizontal="left" vertical="center" shrinkToFit="1"/>
    </xf>
    <xf numFmtId="0" fontId="0" fillId="0" borderId="13" xfId="0" applyNumberFormat="1" applyFont="1" applyFill="1" applyBorder="1" applyAlignment="1">
      <alignment vertical="center" shrinkToFit="1"/>
    </xf>
    <xf numFmtId="0" fontId="0" fillId="0" borderId="39" xfId="0" applyNumberFormat="1" applyFont="1" applyFill="1" applyBorder="1" applyAlignment="1">
      <alignment horizontal="left" vertical="center" shrinkToFit="1"/>
    </xf>
    <xf numFmtId="0" fontId="0" fillId="0" borderId="21" xfId="0" applyNumberFormat="1" applyFont="1" applyFill="1" applyBorder="1" applyAlignment="1">
      <alignment horizontal="center" vertical="center" shrinkToFit="1"/>
    </xf>
    <xf numFmtId="0" fontId="0" fillId="0" borderId="13" xfId="0" applyNumberFormat="1" applyFont="1" applyFill="1" applyBorder="1" applyAlignment="1">
      <alignment horizontal="center" vertical="center" shrinkToFit="1"/>
    </xf>
    <xf numFmtId="0" fontId="0" fillId="0" borderId="22" xfId="0" applyNumberFormat="1" applyFont="1" applyFill="1" applyBorder="1" applyAlignment="1">
      <alignment horizontal="left" vertical="center" shrinkToFit="1"/>
    </xf>
    <xf numFmtId="0" fontId="0" fillId="0" borderId="15" xfId="0" applyNumberFormat="1" applyFont="1" applyFill="1" applyBorder="1" applyAlignment="1">
      <alignment horizontal="center" vertical="center" shrinkToFit="1"/>
    </xf>
    <xf numFmtId="0" fontId="0" fillId="0" borderId="24" xfId="0" applyNumberFormat="1" applyFont="1" applyFill="1" applyBorder="1" applyAlignment="1">
      <alignment horizontal="left" vertical="center" shrinkToFit="1"/>
    </xf>
    <xf numFmtId="0" fontId="0" fillId="0" borderId="25" xfId="0" applyNumberFormat="1" applyFont="1" applyFill="1" applyBorder="1" applyAlignment="1">
      <alignment horizontal="center" vertical="center" shrinkToFit="1"/>
    </xf>
    <xf numFmtId="0" fontId="0" fillId="0" borderId="26" xfId="0" applyNumberFormat="1" applyFont="1" applyFill="1" applyBorder="1" applyAlignment="1">
      <alignment horizontal="left" vertical="center" shrinkToFit="1"/>
    </xf>
    <xf numFmtId="0" fontId="0" fillId="0" borderId="26" xfId="0" applyNumberFormat="1" applyFont="1" applyFill="1" applyBorder="1" applyAlignment="1">
      <alignment horizontal="center" vertical="center" shrinkToFit="1"/>
    </xf>
    <xf numFmtId="0" fontId="0" fillId="0" borderId="27" xfId="0" applyNumberFormat="1" applyFont="1" applyFill="1" applyBorder="1" applyAlignment="1">
      <alignment horizontal="center" vertical="center" shrinkToFit="1"/>
    </xf>
    <xf numFmtId="0" fontId="0" fillId="0" borderId="28" xfId="0" applyNumberFormat="1" applyFont="1" applyFill="1" applyBorder="1" applyAlignment="1">
      <alignment horizontal="left" vertical="center" shrinkToFit="1"/>
    </xf>
    <xf numFmtId="0" fontId="0" fillId="0" borderId="29" xfId="0" applyNumberFormat="1" applyFont="1" applyFill="1" applyBorder="1" applyAlignment="1">
      <alignment horizontal="left" vertical="center" shrinkToFit="1"/>
    </xf>
    <xf numFmtId="0" fontId="0" fillId="0" borderId="30" xfId="0" applyNumberFormat="1" applyFont="1" applyFill="1" applyBorder="1" applyAlignment="1">
      <alignment horizontal="left" vertical="center" shrinkToFit="1"/>
    </xf>
    <xf numFmtId="0" fontId="0" fillId="0" borderId="29" xfId="0" applyNumberFormat="1" applyFont="1" applyFill="1" applyBorder="1" applyAlignment="1">
      <alignment horizontal="center" vertical="center" shrinkToFit="1"/>
    </xf>
    <xf numFmtId="0" fontId="0" fillId="0" borderId="30" xfId="0" applyNumberFormat="1" applyFont="1" applyFill="1" applyBorder="1" applyAlignment="1">
      <alignment horizontal="center" vertical="center" shrinkToFit="1"/>
    </xf>
    <xf numFmtId="0" fontId="0" fillId="0" borderId="31" xfId="0" applyNumberFormat="1" applyFont="1" applyFill="1" applyBorder="1" applyAlignment="1">
      <alignment horizontal="left" vertical="center" shrinkToFit="1"/>
    </xf>
    <xf numFmtId="0" fontId="0" fillId="0" borderId="11" xfId="0" applyNumberFormat="1" applyFont="1" applyFill="1" applyBorder="1" applyAlignment="1">
      <alignment horizontal="center" vertical="center" wrapText="1"/>
    </xf>
    <xf numFmtId="0" fontId="0" fillId="0" borderId="16" xfId="0" applyNumberFormat="1" applyFont="1" applyFill="1" applyBorder="1" applyAlignment="1">
      <alignment horizontal="center" vertical="top" shrinkToFit="1"/>
    </xf>
    <xf numFmtId="0" fontId="0" fillId="0" borderId="17" xfId="0" applyNumberFormat="1" applyFont="1" applyFill="1" applyBorder="1" applyAlignment="1">
      <alignment horizontal="left" vertical="center" shrinkToFit="1"/>
    </xf>
    <xf numFmtId="0" fontId="0" fillId="0" borderId="18" xfId="0" applyNumberFormat="1" applyFont="1" applyFill="1" applyBorder="1" applyAlignment="1">
      <alignment horizontal="left" vertical="center" shrinkToFit="1"/>
    </xf>
    <xf numFmtId="0" fontId="0" fillId="0" borderId="18" xfId="0" applyNumberFormat="1" applyFont="1" applyFill="1" applyBorder="1" applyAlignment="1">
      <alignment horizontal="center" vertical="center" shrinkToFit="1"/>
    </xf>
    <xf numFmtId="0" fontId="0" fillId="0" borderId="33" xfId="0" applyNumberFormat="1" applyFont="1" applyFill="1" applyBorder="1" applyAlignment="1">
      <alignment horizontal="left" vertical="center" shrinkToFit="1"/>
    </xf>
    <xf numFmtId="0" fontId="0" fillId="0" borderId="14" xfId="0" applyNumberFormat="1" applyFont="1" applyFill="1" applyBorder="1" applyAlignment="1">
      <alignment horizontal="center" vertical="center" shrinkToFit="1"/>
    </xf>
    <xf numFmtId="0" fontId="0" fillId="0" borderId="37" xfId="0" applyNumberFormat="1" applyFont="1" applyFill="1" applyBorder="1" applyAlignment="1">
      <alignment horizontal="left" vertical="center" shrinkToFit="1"/>
    </xf>
    <xf numFmtId="0" fontId="0" fillId="0" borderId="10" xfId="0" applyNumberFormat="1" applyFont="1" applyFill="1" applyBorder="1" applyAlignment="1">
      <alignment vertical="center" shrinkToFit="1"/>
    </xf>
    <xf numFmtId="0" fontId="0" fillId="0" borderId="20" xfId="0" applyNumberFormat="1" applyFont="1" applyFill="1" applyBorder="1" applyAlignment="1">
      <alignment horizontal="left" vertical="center" shrinkToFit="1"/>
    </xf>
    <xf numFmtId="0" fontId="0" fillId="0" borderId="36" xfId="0" applyNumberFormat="1" applyFont="1" applyFill="1" applyBorder="1" applyAlignment="1">
      <alignment horizontal="left" vertical="center" shrinkToFit="1"/>
    </xf>
    <xf numFmtId="0" fontId="0" fillId="0" borderId="35" xfId="0" applyNumberFormat="1" applyFont="1" applyFill="1" applyBorder="1" applyAlignment="1">
      <alignment vertical="center" shrinkToFit="1"/>
    </xf>
    <xf numFmtId="0" fontId="0" fillId="0" borderId="36" xfId="0" applyNumberFormat="1" applyFont="1" applyFill="1" applyBorder="1" applyAlignment="1">
      <alignment horizontal="center" vertical="center" shrinkToFit="1"/>
    </xf>
    <xf numFmtId="0" fontId="0" fillId="0" borderId="20" xfId="0" applyNumberFormat="1" applyFont="1" applyFill="1" applyBorder="1" applyAlignment="1">
      <alignment horizontal="center" vertical="center" shrinkToFit="1"/>
    </xf>
    <xf numFmtId="0" fontId="0" fillId="0" borderId="34" xfId="0" applyNumberFormat="1" applyFont="1" applyFill="1" applyBorder="1" applyAlignment="1">
      <alignment horizontal="left" vertical="center" shrinkToFit="1"/>
    </xf>
    <xf numFmtId="0" fontId="0" fillId="0" borderId="20" xfId="0" applyNumberFormat="1" applyFont="1" applyFill="1" applyBorder="1" applyAlignment="1">
      <alignment horizontal="left" vertical="center" shrinkToFit="1"/>
    </xf>
    <xf numFmtId="0" fontId="0" fillId="0" borderId="42" xfId="0" applyNumberFormat="1" applyFont="1" applyFill="1" applyBorder="1" applyAlignment="1">
      <alignment horizontal="center" vertical="center" shrinkToFit="1"/>
    </xf>
    <xf numFmtId="0" fontId="0" fillId="0" borderId="20" xfId="0" applyNumberFormat="1" applyFont="1" applyFill="1" applyBorder="1" applyAlignment="1">
      <alignment horizontal="left" vertical="center" shrinkToFit="1"/>
    </xf>
    <xf numFmtId="0" fontId="0" fillId="0" borderId="36" xfId="0" applyNumberFormat="1" applyFont="1" applyFill="1" applyBorder="1" applyAlignment="1">
      <alignment horizontal="left" vertical="center" shrinkToFit="1"/>
    </xf>
    <xf numFmtId="0" fontId="0" fillId="0" borderId="20" xfId="0" applyNumberFormat="1" applyFont="1" applyFill="1" applyBorder="1" applyAlignment="1">
      <alignment horizontal="center" vertical="center" shrinkToFit="1"/>
    </xf>
    <xf numFmtId="0" fontId="0" fillId="0" borderId="36" xfId="0" applyNumberFormat="1" applyFont="1" applyFill="1" applyBorder="1" applyAlignment="1">
      <alignment horizontal="center" vertical="center" shrinkToFit="1"/>
    </xf>
    <xf numFmtId="0" fontId="0" fillId="0" borderId="34" xfId="0" applyNumberFormat="1" applyFont="1" applyFill="1" applyBorder="1" applyAlignment="1">
      <alignment horizontal="left" vertical="center" shrinkToFit="1"/>
    </xf>
    <xf numFmtId="0" fontId="0" fillId="0" borderId="40" xfId="0" applyNumberFormat="1" applyFont="1" applyFill="1" applyBorder="1" applyAlignment="1">
      <alignment horizontal="left" vertical="center" shrinkToFit="1"/>
    </xf>
    <xf numFmtId="58" fontId="0" fillId="0" borderId="0" xfId="0" applyNumberFormat="1" applyFont="1" applyFill="1" applyAlignment="1">
      <alignment horizontal="righ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J95"/>
  <sheetViews>
    <sheetView showGridLines="0" tabSelected="1" zoomScaleNormal="100" workbookViewId="0">
      <pane ySplit="4" topLeftCell="A50" activePane="bottomLeft" state="frozen"/>
      <selection pane="bottomLeft" activeCell="J72" sqref="J72"/>
    </sheetView>
  </sheetViews>
  <sheetFormatPr defaultColWidth="8.81640625" defaultRowHeight="13" x14ac:dyDescent="0.2"/>
  <cols>
    <col min="1" max="1" width="1.1796875" style="7" customWidth="1"/>
    <col min="2" max="2" width="12.90625" style="6" customWidth="1"/>
    <col min="3" max="3" width="22.453125" style="23" customWidth="1"/>
    <col min="4" max="4" width="22.453125" style="26" customWidth="1"/>
    <col min="5" max="5" width="9" style="19" customWidth="1"/>
    <col min="6" max="6" width="31.36328125" style="7" customWidth="1"/>
    <col min="7" max="7" width="18.453125" style="19" customWidth="1"/>
    <col min="8" max="8" width="13.90625" style="11" customWidth="1"/>
    <col min="9" max="9" width="29.6328125" style="7" bestFit="1" customWidth="1"/>
    <col min="10" max="10" width="9" style="6" customWidth="1"/>
    <col min="11" max="16384" width="8.81640625" style="7"/>
  </cols>
  <sheetData>
    <row r="2" spans="2:10" x14ac:dyDescent="0.2">
      <c r="B2" s="2" t="s">
        <v>0</v>
      </c>
      <c r="C2" s="9"/>
      <c r="D2" s="10"/>
      <c r="E2" s="11"/>
      <c r="F2" s="10"/>
      <c r="G2" s="11"/>
      <c r="I2" s="10"/>
    </row>
    <row r="3" spans="2:10" ht="13.5" thickBot="1" x14ac:dyDescent="0.25">
      <c r="C3" s="12"/>
      <c r="D3" s="10"/>
      <c r="E3" s="11"/>
      <c r="F3" s="10"/>
      <c r="G3" s="11"/>
      <c r="I3" s="84" t="s">
        <v>514</v>
      </c>
    </row>
    <row r="4" spans="2:10" s="19" customFormat="1" ht="34.5" customHeight="1" x14ac:dyDescent="0.2">
      <c r="B4" s="5" t="s">
        <v>330</v>
      </c>
      <c r="C4" s="13" t="s">
        <v>1</v>
      </c>
      <c r="D4" s="14" t="s">
        <v>115</v>
      </c>
      <c r="E4" s="15" t="s">
        <v>2</v>
      </c>
      <c r="F4" s="16" t="s">
        <v>3</v>
      </c>
      <c r="G4" s="15" t="s">
        <v>4</v>
      </c>
      <c r="H4" s="14" t="s">
        <v>343</v>
      </c>
      <c r="I4" s="17" t="s">
        <v>5</v>
      </c>
      <c r="J4" s="18"/>
    </row>
    <row r="5" spans="2:10" s="6" customFormat="1" x14ac:dyDescent="0.2">
      <c r="B5" s="27" t="s">
        <v>331</v>
      </c>
      <c r="C5" s="28" t="s">
        <v>116</v>
      </c>
      <c r="D5" s="3" t="s">
        <v>117</v>
      </c>
      <c r="E5" s="29" t="s">
        <v>365</v>
      </c>
      <c r="F5" s="3" t="s">
        <v>6</v>
      </c>
      <c r="G5" s="29" t="s">
        <v>173</v>
      </c>
      <c r="H5" s="30" t="s">
        <v>174</v>
      </c>
      <c r="I5" s="31" t="s">
        <v>7</v>
      </c>
    </row>
    <row r="6" spans="2:10" s="6" customFormat="1" x14ac:dyDescent="0.2">
      <c r="B6" s="32" t="s">
        <v>402</v>
      </c>
      <c r="C6" s="33" t="s">
        <v>118</v>
      </c>
      <c r="D6" s="1" t="s">
        <v>119</v>
      </c>
      <c r="E6" s="34" t="s">
        <v>366</v>
      </c>
      <c r="F6" s="1" t="s">
        <v>8</v>
      </c>
      <c r="G6" s="34" t="s">
        <v>175</v>
      </c>
      <c r="H6" s="35" t="s">
        <v>176</v>
      </c>
      <c r="I6" s="36" t="s">
        <v>7</v>
      </c>
    </row>
    <row r="7" spans="2:10" s="6" customFormat="1" ht="14.25" customHeight="1" x14ac:dyDescent="0.2">
      <c r="B7" s="32" t="s">
        <v>509</v>
      </c>
      <c r="C7" s="33" t="s">
        <v>406</v>
      </c>
      <c r="D7" s="1" t="s">
        <v>407</v>
      </c>
      <c r="E7" s="34" t="s">
        <v>9</v>
      </c>
      <c r="F7" s="1" t="s">
        <v>10</v>
      </c>
      <c r="G7" s="34" t="s">
        <v>187</v>
      </c>
      <c r="H7" s="35" t="s">
        <v>188</v>
      </c>
      <c r="I7" s="36" t="s">
        <v>11</v>
      </c>
    </row>
    <row r="8" spans="2:10" s="6" customFormat="1" ht="14.25" customHeight="1" x14ac:dyDescent="0.2">
      <c r="B8" s="37"/>
      <c r="C8" s="33" t="s">
        <v>420</v>
      </c>
      <c r="D8" s="1" t="s">
        <v>120</v>
      </c>
      <c r="E8" s="34" t="s">
        <v>121</v>
      </c>
      <c r="F8" s="1" t="s">
        <v>12</v>
      </c>
      <c r="G8" s="34" t="s">
        <v>189</v>
      </c>
      <c r="H8" s="35" t="s">
        <v>190</v>
      </c>
      <c r="I8" s="36" t="s">
        <v>13</v>
      </c>
    </row>
    <row r="9" spans="2:10" s="6" customFormat="1" x14ac:dyDescent="0.2">
      <c r="B9" s="37"/>
      <c r="C9" s="33" t="s">
        <v>408</v>
      </c>
      <c r="D9" s="1" t="s">
        <v>409</v>
      </c>
      <c r="E9" s="34" t="s">
        <v>14</v>
      </c>
      <c r="F9" s="1" t="s">
        <v>344</v>
      </c>
      <c r="G9" s="34" t="s">
        <v>191</v>
      </c>
      <c r="H9" s="35" t="s">
        <v>192</v>
      </c>
      <c r="I9" s="36" t="s">
        <v>15</v>
      </c>
    </row>
    <row r="10" spans="2:10" s="6" customFormat="1" ht="14.25" customHeight="1" x14ac:dyDescent="0.2">
      <c r="B10" s="37"/>
      <c r="C10" s="33" t="s">
        <v>410</v>
      </c>
      <c r="D10" s="1" t="s">
        <v>411</v>
      </c>
      <c r="E10" s="34" t="s">
        <v>16</v>
      </c>
      <c r="F10" s="1" t="s">
        <v>345</v>
      </c>
      <c r="G10" s="34" t="s">
        <v>193</v>
      </c>
      <c r="H10" s="35" t="s">
        <v>194</v>
      </c>
      <c r="I10" s="36" t="s">
        <v>11</v>
      </c>
    </row>
    <row r="11" spans="2:10" s="6" customFormat="1" ht="14.25" customHeight="1" x14ac:dyDescent="0.2">
      <c r="B11" s="37"/>
      <c r="C11" s="33" t="s">
        <v>418</v>
      </c>
      <c r="D11" s="1" t="s">
        <v>122</v>
      </c>
      <c r="E11" s="34" t="s">
        <v>123</v>
      </c>
      <c r="F11" s="1" t="s">
        <v>17</v>
      </c>
      <c r="G11" s="34" t="s">
        <v>195</v>
      </c>
      <c r="H11" s="35" t="s">
        <v>196</v>
      </c>
      <c r="I11" s="36" t="s">
        <v>13</v>
      </c>
    </row>
    <row r="12" spans="2:10" s="6" customFormat="1" ht="14.25" customHeight="1" x14ac:dyDescent="0.2">
      <c r="B12" s="37"/>
      <c r="C12" s="33" t="s">
        <v>419</v>
      </c>
      <c r="D12" s="1" t="s">
        <v>124</v>
      </c>
      <c r="E12" s="34" t="s">
        <v>18</v>
      </c>
      <c r="F12" s="1" t="s">
        <v>19</v>
      </c>
      <c r="G12" s="34" t="s">
        <v>197</v>
      </c>
      <c r="H12" s="35" t="s">
        <v>198</v>
      </c>
      <c r="I12" s="69" t="s">
        <v>13</v>
      </c>
    </row>
    <row r="13" spans="2:10" s="6" customFormat="1" x14ac:dyDescent="0.2">
      <c r="B13" s="37"/>
      <c r="C13" s="33" t="s">
        <v>412</v>
      </c>
      <c r="D13" s="1" t="s">
        <v>413</v>
      </c>
      <c r="E13" s="34" t="s">
        <v>125</v>
      </c>
      <c r="F13" s="1" t="s">
        <v>52</v>
      </c>
      <c r="G13" s="34" t="s">
        <v>199</v>
      </c>
      <c r="H13" s="35" t="s">
        <v>200</v>
      </c>
      <c r="I13" s="36" t="s">
        <v>355</v>
      </c>
    </row>
    <row r="14" spans="2:10" s="6" customFormat="1" x14ac:dyDescent="0.2">
      <c r="B14" s="37"/>
      <c r="C14" s="33" t="s">
        <v>421</v>
      </c>
      <c r="D14" s="1" t="s">
        <v>471</v>
      </c>
      <c r="E14" s="34" t="s">
        <v>472</v>
      </c>
      <c r="F14" s="1" t="s">
        <v>473</v>
      </c>
      <c r="G14" s="34" t="s">
        <v>201</v>
      </c>
      <c r="H14" s="35" t="s">
        <v>202</v>
      </c>
      <c r="I14" s="36" t="s">
        <v>13</v>
      </c>
    </row>
    <row r="15" spans="2:10" s="6" customFormat="1" x14ac:dyDescent="0.2">
      <c r="B15" s="37"/>
      <c r="C15" s="33" t="s">
        <v>414</v>
      </c>
      <c r="D15" s="1" t="s">
        <v>415</v>
      </c>
      <c r="E15" s="34" t="s">
        <v>20</v>
      </c>
      <c r="F15" s="1" t="s">
        <v>21</v>
      </c>
      <c r="G15" s="34" t="s">
        <v>203</v>
      </c>
      <c r="H15" s="35" t="s">
        <v>204</v>
      </c>
      <c r="I15" s="36" t="s">
        <v>11</v>
      </c>
    </row>
    <row r="16" spans="2:10" s="6" customFormat="1" x14ac:dyDescent="0.2">
      <c r="B16" s="37"/>
      <c r="C16" s="33" t="s">
        <v>422</v>
      </c>
      <c r="D16" s="1" t="s">
        <v>126</v>
      </c>
      <c r="E16" s="34" t="s">
        <v>127</v>
      </c>
      <c r="F16" s="1" t="s">
        <v>22</v>
      </c>
      <c r="G16" s="34" t="s">
        <v>205</v>
      </c>
      <c r="H16" s="35" t="s">
        <v>206</v>
      </c>
      <c r="I16" s="36" t="s">
        <v>13</v>
      </c>
    </row>
    <row r="17" spans="2:9" s="6" customFormat="1" x14ac:dyDescent="0.2">
      <c r="B17" s="37"/>
      <c r="C17" s="33" t="s">
        <v>416</v>
      </c>
      <c r="D17" s="1" t="s">
        <v>417</v>
      </c>
      <c r="E17" s="34" t="s">
        <v>23</v>
      </c>
      <c r="F17" s="1" t="s">
        <v>24</v>
      </c>
      <c r="G17" s="34" t="s">
        <v>207</v>
      </c>
      <c r="H17" s="35" t="s">
        <v>208</v>
      </c>
      <c r="I17" s="36" t="s">
        <v>11</v>
      </c>
    </row>
    <row r="18" spans="2:9" s="6" customFormat="1" ht="14.25" customHeight="1" x14ac:dyDescent="0.2">
      <c r="B18" s="37"/>
      <c r="C18" s="33" t="s">
        <v>423</v>
      </c>
      <c r="D18" s="1" t="s">
        <v>128</v>
      </c>
      <c r="E18" s="34" t="s">
        <v>129</v>
      </c>
      <c r="F18" s="1" t="s">
        <v>25</v>
      </c>
      <c r="G18" s="34" t="s">
        <v>255</v>
      </c>
      <c r="H18" s="35" t="s">
        <v>256</v>
      </c>
      <c r="I18" s="36" t="s">
        <v>13</v>
      </c>
    </row>
    <row r="19" spans="2:9" s="6" customFormat="1" ht="14.25" customHeight="1" x14ac:dyDescent="0.2">
      <c r="B19" s="37"/>
      <c r="C19" s="33" t="s">
        <v>424</v>
      </c>
      <c r="D19" s="1" t="s">
        <v>130</v>
      </c>
      <c r="E19" s="34" t="s">
        <v>474</v>
      </c>
      <c r="F19" s="1" t="s">
        <v>108</v>
      </c>
      <c r="G19" s="34" t="s">
        <v>257</v>
      </c>
      <c r="H19" s="35" t="s">
        <v>258</v>
      </c>
      <c r="I19" s="36" t="s">
        <v>13</v>
      </c>
    </row>
    <row r="20" spans="2:9" s="6" customFormat="1" ht="27" customHeight="1" x14ac:dyDescent="0.2">
      <c r="B20" s="37"/>
      <c r="C20" s="33" t="s">
        <v>425</v>
      </c>
      <c r="D20" s="1" t="s">
        <v>426</v>
      </c>
      <c r="E20" s="34" t="s">
        <v>26</v>
      </c>
      <c r="F20" s="1" t="s">
        <v>346</v>
      </c>
      <c r="G20" s="34" t="s">
        <v>209</v>
      </c>
      <c r="H20" s="35" t="s">
        <v>210</v>
      </c>
      <c r="I20" s="36" t="s">
        <v>105</v>
      </c>
    </row>
    <row r="21" spans="2:9" s="6" customFormat="1" ht="14.25" customHeight="1" x14ac:dyDescent="0.2">
      <c r="B21" s="37"/>
      <c r="C21" s="33" t="s">
        <v>503</v>
      </c>
      <c r="D21" s="1" t="s">
        <v>504</v>
      </c>
      <c r="E21" s="34" t="s">
        <v>506</v>
      </c>
      <c r="F21" s="1" t="s">
        <v>505</v>
      </c>
      <c r="G21" s="34" t="s">
        <v>507</v>
      </c>
      <c r="H21" s="35" t="s">
        <v>508</v>
      </c>
      <c r="I21" s="36" t="s">
        <v>13</v>
      </c>
    </row>
    <row r="22" spans="2:9" s="6" customFormat="1" ht="27" customHeight="1" x14ac:dyDescent="0.2">
      <c r="B22" s="37"/>
      <c r="C22" s="33" t="s">
        <v>427</v>
      </c>
      <c r="D22" s="1" t="s">
        <v>428</v>
      </c>
      <c r="E22" s="34" t="s">
        <v>27</v>
      </c>
      <c r="F22" s="1" t="s">
        <v>28</v>
      </c>
      <c r="G22" s="34" t="s">
        <v>241</v>
      </c>
      <c r="H22" s="35" t="s">
        <v>242</v>
      </c>
      <c r="I22" s="36" t="s">
        <v>105</v>
      </c>
    </row>
    <row r="23" spans="2:9" s="6" customFormat="1" x14ac:dyDescent="0.2">
      <c r="B23" s="37"/>
      <c r="C23" s="33" t="s">
        <v>429</v>
      </c>
      <c r="D23" s="1" t="s">
        <v>131</v>
      </c>
      <c r="E23" s="34" t="s">
        <v>132</v>
      </c>
      <c r="F23" s="1" t="s">
        <v>475</v>
      </c>
      <c r="G23" s="34" t="s">
        <v>243</v>
      </c>
      <c r="H23" s="35" t="s">
        <v>244</v>
      </c>
      <c r="I23" s="36" t="s">
        <v>13</v>
      </c>
    </row>
    <row r="24" spans="2:9" s="6" customFormat="1" x14ac:dyDescent="0.2">
      <c r="B24" s="37"/>
      <c r="C24" s="33" t="s">
        <v>430</v>
      </c>
      <c r="D24" s="1" t="s">
        <v>431</v>
      </c>
      <c r="E24" s="34" t="s">
        <v>29</v>
      </c>
      <c r="F24" s="1" t="s">
        <v>368</v>
      </c>
      <c r="G24" s="34" t="s">
        <v>245</v>
      </c>
      <c r="H24" s="35" t="s">
        <v>246</v>
      </c>
      <c r="I24" s="36" t="s">
        <v>11</v>
      </c>
    </row>
    <row r="25" spans="2:9" s="6" customFormat="1" ht="14.25" customHeight="1" x14ac:dyDescent="0.2">
      <c r="B25" s="37"/>
      <c r="C25" s="33" t="s">
        <v>432</v>
      </c>
      <c r="D25" s="1" t="s">
        <v>133</v>
      </c>
      <c r="E25" s="34" t="s">
        <v>30</v>
      </c>
      <c r="F25" s="1" t="s">
        <v>31</v>
      </c>
      <c r="G25" s="34" t="s">
        <v>247</v>
      </c>
      <c r="H25" s="35" t="s">
        <v>247</v>
      </c>
      <c r="I25" s="69" t="s">
        <v>13</v>
      </c>
    </row>
    <row r="26" spans="2:9" s="6" customFormat="1" ht="14.25" customHeight="1" x14ac:dyDescent="0.2">
      <c r="B26" s="37"/>
      <c r="C26" s="33" t="s">
        <v>433</v>
      </c>
      <c r="D26" s="1" t="s">
        <v>134</v>
      </c>
      <c r="E26" s="34" t="s">
        <v>476</v>
      </c>
      <c r="F26" s="1" t="s">
        <v>477</v>
      </c>
      <c r="G26" s="34" t="s">
        <v>248</v>
      </c>
      <c r="H26" s="35" t="s">
        <v>249</v>
      </c>
      <c r="I26" s="69" t="s">
        <v>13</v>
      </c>
    </row>
    <row r="27" spans="2:9" s="6" customFormat="1" ht="14.15" customHeight="1" x14ac:dyDescent="0.2">
      <c r="B27" s="37"/>
      <c r="C27" s="33" t="s">
        <v>434</v>
      </c>
      <c r="D27" s="1" t="s">
        <v>435</v>
      </c>
      <c r="E27" s="34" t="s">
        <v>135</v>
      </c>
      <c r="F27" s="1" t="s">
        <v>136</v>
      </c>
      <c r="G27" s="34" t="s">
        <v>250</v>
      </c>
      <c r="H27" s="35" t="s">
        <v>251</v>
      </c>
      <c r="I27" s="36" t="s">
        <v>355</v>
      </c>
    </row>
    <row r="28" spans="2:9" s="6" customFormat="1" ht="14.25" customHeight="1" x14ac:dyDescent="0.2">
      <c r="B28" s="37"/>
      <c r="C28" s="33" t="s">
        <v>436</v>
      </c>
      <c r="D28" s="1" t="s">
        <v>137</v>
      </c>
      <c r="E28" s="34" t="s">
        <v>138</v>
      </c>
      <c r="F28" s="1" t="s">
        <v>51</v>
      </c>
      <c r="G28" s="34" t="s">
        <v>211</v>
      </c>
      <c r="H28" s="35" t="s">
        <v>212</v>
      </c>
      <c r="I28" s="36" t="s">
        <v>13</v>
      </c>
    </row>
    <row r="29" spans="2:9" s="6" customFormat="1" x14ac:dyDescent="0.2">
      <c r="B29" s="37"/>
      <c r="C29" s="33" t="s">
        <v>437</v>
      </c>
      <c r="D29" s="1" t="s">
        <v>438</v>
      </c>
      <c r="E29" s="34" t="s">
        <v>478</v>
      </c>
      <c r="F29" s="1" t="s">
        <v>99</v>
      </c>
      <c r="G29" s="34" t="s">
        <v>276</v>
      </c>
      <c r="H29" s="35" t="s">
        <v>277</v>
      </c>
      <c r="I29" s="36" t="s">
        <v>356</v>
      </c>
    </row>
    <row r="30" spans="2:9" s="6" customFormat="1" x14ac:dyDescent="0.2">
      <c r="B30" s="37"/>
      <c r="C30" s="33" t="s">
        <v>439</v>
      </c>
      <c r="D30" s="1" t="s">
        <v>440</v>
      </c>
      <c r="E30" s="34" t="s">
        <v>479</v>
      </c>
      <c r="F30" s="1" t="s">
        <v>100</v>
      </c>
      <c r="G30" s="34" t="s">
        <v>278</v>
      </c>
      <c r="H30" s="35" t="s">
        <v>279</v>
      </c>
      <c r="I30" s="36" t="s">
        <v>11</v>
      </c>
    </row>
    <row r="31" spans="2:9" s="6" customFormat="1" ht="14.25" customHeight="1" x14ac:dyDescent="0.2">
      <c r="B31" s="37"/>
      <c r="C31" s="33" t="s">
        <v>441</v>
      </c>
      <c r="D31" s="1" t="s">
        <v>145</v>
      </c>
      <c r="E31" s="34" t="s">
        <v>480</v>
      </c>
      <c r="F31" s="1" t="s">
        <v>101</v>
      </c>
      <c r="G31" s="34" t="s">
        <v>280</v>
      </c>
      <c r="H31" s="35" t="s">
        <v>281</v>
      </c>
      <c r="I31" s="36" t="s">
        <v>13</v>
      </c>
    </row>
    <row r="32" spans="2:9" s="6" customFormat="1" ht="14.25" customHeight="1" x14ac:dyDescent="0.2">
      <c r="B32" s="37"/>
      <c r="C32" s="28" t="s">
        <v>442</v>
      </c>
      <c r="D32" s="3" t="s">
        <v>443</v>
      </c>
      <c r="E32" s="30" t="s">
        <v>481</v>
      </c>
      <c r="F32" s="3" t="s">
        <v>150</v>
      </c>
      <c r="G32" s="29" t="s">
        <v>259</v>
      </c>
      <c r="H32" s="30" t="s">
        <v>260</v>
      </c>
      <c r="I32" s="31" t="s">
        <v>106</v>
      </c>
    </row>
    <row r="33" spans="2:9" s="6" customFormat="1" x14ac:dyDescent="0.2">
      <c r="B33" s="37"/>
      <c r="C33" s="33" t="s">
        <v>444</v>
      </c>
      <c r="D33" s="1" t="s">
        <v>445</v>
      </c>
      <c r="E33" s="34" t="s">
        <v>32</v>
      </c>
      <c r="F33" s="1" t="s">
        <v>33</v>
      </c>
      <c r="G33" s="34" t="s">
        <v>261</v>
      </c>
      <c r="H33" s="35" t="s">
        <v>262</v>
      </c>
      <c r="I33" s="36" t="s">
        <v>355</v>
      </c>
    </row>
    <row r="34" spans="2:9" s="6" customFormat="1" ht="14.25" customHeight="1" x14ac:dyDescent="0.2">
      <c r="B34" s="37"/>
      <c r="C34" s="33" t="s">
        <v>446</v>
      </c>
      <c r="D34" s="1" t="s">
        <v>139</v>
      </c>
      <c r="E34" s="34" t="s">
        <v>140</v>
      </c>
      <c r="F34" s="1" t="s">
        <v>34</v>
      </c>
      <c r="G34" s="34" t="s">
        <v>263</v>
      </c>
      <c r="H34" s="35" t="s">
        <v>264</v>
      </c>
      <c r="I34" s="36" t="s">
        <v>13</v>
      </c>
    </row>
    <row r="35" spans="2:9" s="6" customFormat="1" x14ac:dyDescent="0.2">
      <c r="B35" s="37"/>
      <c r="C35" s="33" t="s">
        <v>447</v>
      </c>
      <c r="D35" s="1" t="s">
        <v>448</v>
      </c>
      <c r="E35" s="34" t="s">
        <v>35</v>
      </c>
      <c r="F35" s="1" t="s">
        <v>36</v>
      </c>
      <c r="G35" s="34" t="s">
        <v>177</v>
      </c>
      <c r="H35" s="35" t="s">
        <v>178</v>
      </c>
      <c r="I35" s="36" t="s">
        <v>355</v>
      </c>
    </row>
    <row r="36" spans="2:9" s="6" customFormat="1" x14ac:dyDescent="0.2">
      <c r="B36" s="37"/>
      <c r="C36" s="33" t="s">
        <v>451</v>
      </c>
      <c r="D36" s="1" t="s">
        <v>449</v>
      </c>
      <c r="E36" s="34" t="s">
        <v>37</v>
      </c>
      <c r="F36" s="1" t="s">
        <v>38</v>
      </c>
      <c r="G36" s="34" t="s">
        <v>179</v>
      </c>
      <c r="H36" s="35" t="s">
        <v>180</v>
      </c>
      <c r="I36" s="36" t="s">
        <v>11</v>
      </c>
    </row>
    <row r="37" spans="2:9" s="6" customFormat="1" ht="27" customHeight="1" x14ac:dyDescent="0.2">
      <c r="B37" s="37"/>
      <c r="C37" s="33" t="s">
        <v>452</v>
      </c>
      <c r="D37" s="1" t="s">
        <v>450</v>
      </c>
      <c r="E37" s="34" t="s">
        <v>39</v>
      </c>
      <c r="F37" s="1" t="s">
        <v>40</v>
      </c>
      <c r="G37" s="34" t="s">
        <v>284</v>
      </c>
      <c r="H37" s="35" t="s">
        <v>285</v>
      </c>
      <c r="I37" s="36" t="s">
        <v>105</v>
      </c>
    </row>
    <row r="38" spans="2:9" s="6" customFormat="1" ht="14.25" customHeight="1" x14ac:dyDescent="0.2">
      <c r="B38" s="37"/>
      <c r="C38" s="33" t="s">
        <v>453</v>
      </c>
      <c r="D38" s="1" t="s">
        <v>141</v>
      </c>
      <c r="E38" s="34" t="s">
        <v>142</v>
      </c>
      <c r="F38" s="1" t="s">
        <v>41</v>
      </c>
      <c r="G38" s="34" t="s">
        <v>213</v>
      </c>
      <c r="H38" s="35" t="s">
        <v>214</v>
      </c>
      <c r="I38" s="36" t="s">
        <v>13</v>
      </c>
    </row>
    <row r="39" spans="2:9" s="6" customFormat="1" x14ac:dyDescent="0.2">
      <c r="B39" s="37"/>
      <c r="C39" s="33" t="s">
        <v>454</v>
      </c>
      <c r="D39" s="1" t="s">
        <v>455</v>
      </c>
      <c r="E39" s="34" t="s">
        <v>42</v>
      </c>
      <c r="F39" s="1" t="s">
        <v>43</v>
      </c>
      <c r="G39" s="34" t="s">
        <v>293</v>
      </c>
      <c r="H39" s="35" t="s">
        <v>294</v>
      </c>
      <c r="I39" s="36" t="s">
        <v>11</v>
      </c>
    </row>
    <row r="40" spans="2:9" s="6" customFormat="1" x14ac:dyDescent="0.2">
      <c r="B40" s="37"/>
      <c r="C40" s="33" t="s">
        <v>456</v>
      </c>
      <c r="D40" s="1" t="s">
        <v>143</v>
      </c>
      <c r="E40" s="34" t="s">
        <v>482</v>
      </c>
      <c r="F40" s="1" t="s">
        <v>109</v>
      </c>
      <c r="G40" s="34" t="s">
        <v>286</v>
      </c>
      <c r="H40" s="35" t="s">
        <v>483</v>
      </c>
      <c r="I40" s="36" t="s">
        <v>13</v>
      </c>
    </row>
    <row r="41" spans="2:9" s="6" customFormat="1" x14ac:dyDescent="0.2">
      <c r="B41" s="37"/>
      <c r="C41" s="78" t="s">
        <v>457</v>
      </c>
      <c r="D41" s="78" t="s">
        <v>458</v>
      </c>
      <c r="E41" s="74" t="s">
        <v>44</v>
      </c>
      <c r="F41" s="76" t="s">
        <v>45</v>
      </c>
      <c r="G41" s="77" t="s">
        <v>289</v>
      </c>
      <c r="H41" s="35" t="s">
        <v>290</v>
      </c>
      <c r="I41" s="75" t="s">
        <v>355</v>
      </c>
    </row>
    <row r="42" spans="2:9" s="6" customFormat="1" x14ac:dyDescent="0.2">
      <c r="B42" s="37"/>
      <c r="C42" s="79"/>
      <c r="D42" s="79"/>
      <c r="E42" s="35" t="s">
        <v>510</v>
      </c>
      <c r="F42" s="1" t="s">
        <v>511</v>
      </c>
      <c r="G42" s="35" t="s">
        <v>512</v>
      </c>
      <c r="H42" s="73" t="s">
        <v>513</v>
      </c>
      <c r="I42" s="43" t="s">
        <v>355</v>
      </c>
    </row>
    <row r="43" spans="2:9" s="6" customFormat="1" x14ac:dyDescent="0.2">
      <c r="B43" s="37"/>
      <c r="C43" s="33" t="s">
        <v>459</v>
      </c>
      <c r="D43" s="1" t="s">
        <v>144</v>
      </c>
      <c r="E43" s="34" t="s">
        <v>484</v>
      </c>
      <c r="F43" s="1" t="s">
        <v>485</v>
      </c>
      <c r="G43" s="34" t="s">
        <v>291</v>
      </c>
      <c r="H43" s="35" t="s">
        <v>292</v>
      </c>
      <c r="I43" s="36" t="s">
        <v>13</v>
      </c>
    </row>
    <row r="44" spans="2:9" s="6" customFormat="1" x14ac:dyDescent="0.2">
      <c r="B44" s="37"/>
      <c r="C44" s="33" t="s">
        <v>460</v>
      </c>
      <c r="D44" s="1" t="s">
        <v>463</v>
      </c>
      <c r="E44" s="34" t="s">
        <v>46</v>
      </c>
      <c r="F44" s="1" t="s">
        <v>486</v>
      </c>
      <c r="G44" s="34" t="s">
        <v>287</v>
      </c>
      <c r="H44" s="35" t="s">
        <v>288</v>
      </c>
      <c r="I44" s="36" t="s">
        <v>355</v>
      </c>
    </row>
    <row r="45" spans="2:9" s="6" customFormat="1" x14ac:dyDescent="0.2">
      <c r="B45" s="37"/>
      <c r="C45" s="78" t="s">
        <v>461</v>
      </c>
      <c r="D45" s="78" t="s">
        <v>464</v>
      </c>
      <c r="E45" s="34" t="s">
        <v>47</v>
      </c>
      <c r="F45" s="1" t="s">
        <v>48</v>
      </c>
      <c r="G45" s="34" t="s">
        <v>181</v>
      </c>
      <c r="H45" s="35" t="s">
        <v>182</v>
      </c>
      <c r="I45" s="36" t="s">
        <v>340</v>
      </c>
    </row>
    <row r="46" spans="2:9" s="6" customFormat="1" x14ac:dyDescent="0.2">
      <c r="B46" s="37"/>
      <c r="C46" s="79"/>
      <c r="D46" s="79"/>
      <c r="E46" s="34" t="s">
        <v>487</v>
      </c>
      <c r="F46" s="1" t="s">
        <v>488</v>
      </c>
      <c r="G46" s="34" t="s">
        <v>489</v>
      </c>
      <c r="H46" s="35" t="s">
        <v>490</v>
      </c>
      <c r="I46" s="36" t="s">
        <v>320</v>
      </c>
    </row>
    <row r="47" spans="2:9" s="6" customFormat="1" ht="14.25" customHeight="1" x14ac:dyDescent="0.2">
      <c r="B47" s="37"/>
      <c r="C47" s="33" t="s">
        <v>462</v>
      </c>
      <c r="D47" s="1" t="s">
        <v>465</v>
      </c>
      <c r="E47" s="34" t="s">
        <v>49</v>
      </c>
      <c r="F47" s="1" t="s">
        <v>50</v>
      </c>
      <c r="G47" s="34" t="s">
        <v>183</v>
      </c>
      <c r="H47" s="35" t="s">
        <v>184</v>
      </c>
      <c r="I47" s="36" t="s">
        <v>11</v>
      </c>
    </row>
    <row r="48" spans="2:9" s="6" customFormat="1" ht="14.25" customHeight="1" x14ac:dyDescent="0.2">
      <c r="B48" s="37"/>
      <c r="C48" s="33" t="s">
        <v>466</v>
      </c>
      <c r="D48" s="1" t="s">
        <v>146</v>
      </c>
      <c r="E48" s="34" t="s">
        <v>49</v>
      </c>
      <c r="F48" s="1" t="s">
        <v>491</v>
      </c>
      <c r="G48" s="34" t="s">
        <v>185</v>
      </c>
      <c r="H48" s="35" t="s">
        <v>186</v>
      </c>
      <c r="I48" s="36" t="s">
        <v>13</v>
      </c>
    </row>
    <row r="49" spans="2:10" s="6" customFormat="1" ht="27" customHeight="1" x14ac:dyDescent="0.2">
      <c r="B49" s="37"/>
      <c r="C49" s="33" t="s">
        <v>467</v>
      </c>
      <c r="D49" s="1" t="s">
        <v>468</v>
      </c>
      <c r="E49" s="34" t="s">
        <v>492</v>
      </c>
      <c r="F49" s="1" t="s">
        <v>493</v>
      </c>
      <c r="G49" s="34" t="s">
        <v>494</v>
      </c>
      <c r="H49" s="35" t="s">
        <v>265</v>
      </c>
      <c r="I49" s="36" t="s">
        <v>105</v>
      </c>
      <c r="J49" s="20"/>
    </row>
    <row r="50" spans="2:10" s="6" customFormat="1" ht="14.25" customHeight="1" x14ac:dyDescent="0.2">
      <c r="B50" s="37"/>
      <c r="C50" s="33" t="s">
        <v>469</v>
      </c>
      <c r="D50" s="1" t="s">
        <v>147</v>
      </c>
      <c r="E50" s="34" t="s">
        <v>148</v>
      </c>
      <c r="F50" s="1" t="s">
        <v>495</v>
      </c>
      <c r="G50" s="34" t="s">
        <v>266</v>
      </c>
      <c r="H50" s="35" t="s">
        <v>267</v>
      </c>
      <c r="I50" s="36" t="s">
        <v>13</v>
      </c>
    </row>
    <row r="51" spans="2:10" s="6" customFormat="1" ht="14.25" customHeight="1" x14ac:dyDescent="0.2">
      <c r="B51" s="37"/>
      <c r="C51" s="33" t="s">
        <v>470</v>
      </c>
      <c r="D51" s="1" t="s">
        <v>149</v>
      </c>
      <c r="E51" s="34" t="s">
        <v>496</v>
      </c>
      <c r="F51" s="1" t="s">
        <v>497</v>
      </c>
      <c r="G51" s="34" t="s">
        <v>268</v>
      </c>
      <c r="H51" s="35" t="s">
        <v>269</v>
      </c>
      <c r="I51" s="69" t="s">
        <v>13</v>
      </c>
    </row>
    <row r="52" spans="2:10" s="6" customFormat="1" x14ac:dyDescent="0.2">
      <c r="B52" s="37"/>
      <c r="C52" s="38" t="s">
        <v>297</v>
      </c>
      <c r="D52" s="1" t="s">
        <v>151</v>
      </c>
      <c r="E52" s="35" t="s">
        <v>498</v>
      </c>
      <c r="F52" s="1" t="s">
        <v>499</v>
      </c>
      <c r="G52" s="34" t="s">
        <v>282</v>
      </c>
      <c r="H52" s="35" t="s">
        <v>283</v>
      </c>
      <c r="I52" s="36" t="s">
        <v>107</v>
      </c>
    </row>
    <row r="53" spans="2:10" s="6" customFormat="1" x14ac:dyDescent="0.2">
      <c r="B53" s="37"/>
      <c r="C53" s="38" t="s">
        <v>309</v>
      </c>
      <c r="D53" s="1" t="s">
        <v>111</v>
      </c>
      <c r="E53" s="35" t="s">
        <v>112</v>
      </c>
      <c r="F53" s="1" t="s">
        <v>113</v>
      </c>
      <c r="G53" s="34" t="s">
        <v>215</v>
      </c>
      <c r="H53" s="35" t="s">
        <v>216</v>
      </c>
      <c r="I53" s="36" t="s">
        <v>114</v>
      </c>
    </row>
    <row r="54" spans="2:10" s="6" customFormat="1" x14ac:dyDescent="0.2">
      <c r="B54" s="37"/>
      <c r="C54" s="38" t="s">
        <v>312</v>
      </c>
      <c r="D54" s="1" t="s">
        <v>313</v>
      </c>
      <c r="E54" s="35" t="s">
        <v>314</v>
      </c>
      <c r="F54" s="1" t="s">
        <v>315</v>
      </c>
      <c r="G54" s="34" t="s">
        <v>316</v>
      </c>
      <c r="H54" s="35" t="s">
        <v>317</v>
      </c>
      <c r="I54" s="36" t="s">
        <v>355</v>
      </c>
    </row>
    <row r="55" spans="2:10" s="6" customFormat="1" ht="13.5" thickBot="1" x14ac:dyDescent="0.25">
      <c r="B55" s="37"/>
      <c r="C55" s="39" t="s">
        <v>351</v>
      </c>
      <c r="D55" s="4" t="s">
        <v>352</v>
      </c>
      <c r="E55" s="40" t="s">
        <v>358</v>
      </c>
      <c r="F55" s="4" t="s">
        <v>353</v>
      </c>
      <c r="G55" s="41" t="s">
        <v>359</v>
      </c>
      <c r="H55" s="40" t="s">
        <v>360</v>
      </c>
      <c r="I55" s="45" t="s">
        <v>354</v>
      </c>
    </row>
    <row r="56" spans="2:10" s="6" customFormat="1" x14ac:dyDescent="0.2">
      <c r="B56" s="42" t="s">
        <v>332</v>
      </c>
      <c r="C56" s="63" t="s">
        <v>53</v>
      </c>
      <c r="D56" s="64" t="s">
        <v>152</v>
      </c>
      <c r="E56" s="65" t="s">
        <v>54</v>
      </c>
      <c r="F56" s="64" t="s">
        <v>55</v>
      </c>
      <c r="G56" s="65" t="s">
        <v>217</v>
      </c>
      <c r="H56" s="65" t="s">
        <v>218</v>
      </c>
      <c r="I56" s="66" t="s">
        <v>318</v>
      </c>
    </row>
    <row r="57" spans="2:10" s="6" customFormat="1" x14ac:dyDescent="0.2">
      <c r="B57" s="61" t="s">
        <v>401</v>
      </c>
      <c r="C57" s="33" t="s">
        <v>58</v>
      </c>
      <c r="D57" s="1" t="s">
        <v>154</v>
      </c>
      <c r="E57" s="34" t="s">
        <v>155</v>
      </c>
      <c r="F57" s="1" t="s">
        <v>156</v>
      </c>
      <c r="G57" s="34" t="s">
        <v>221</v>
      </c>
      <c r="H57" s="35" t="s">
        <v>222</v>
      </c>
      <c r="I57" s="36" t="s">
        <v>59</v>
      </c>
    </row>
    <row r="58" spans="2:10" s="6" customFormat="1" x14ac:dyDescent="0.2">
      <c r="B58" s="37" t="s">
        <v>404</v>
      </c>
      <c r="C58" s="33" t="s">
        <v>70</v>
      </c>
      <c r="D58" s="1" t="s">
        <v>163</v>
      </c>
      <c r="E58" s="34" t="s">
        <v>71</v>
      </c>
      <c r="F58" s="1" t="s">
        <v>72</v>
      </c>
      <c r="G58" s="34" t="s">
        <v>233</v>
      </c>
      <c r="H58" s="35" t="s">
        <v>234</v>
      </c>
      <c r="I58" s="36" t="s">
        <v>64</v>
      </c>
    </row>
    <row r="59" spans="2:10" s="6" customFormat="1" x14ac:dyDescent="0.2">
      <c r="B59" s="37"/>
      <c r="C59" s="33" t="s">
        <v>334</v>
      </c>
      <c r="D59" s="1" t="s">
        <v>324</v>
      </c>
      <c r="E59" s="34" t="s">
        <v>325</v>
      </c>
      <c r="F59" s="1" t="s">
        <v>326</v>
      </c>
      <c r="G59" s="34" t="s">
        <v>362</v>
      </c>
      <c r="H59" s="35" t="s">
        <v>364</v>
      </c>
      <c r="I59" s="36" t="s">
        <v>64</v>
      </c>
    </row>
    <row r="60" spans="2:10" s="6" customFormat="1" x14ac:dyDescent="0.2">
      <c r="B60" s="37"/>
      <c r="C60" s="33" t="s">
        <v>60</v>
      </c>
      <c r="D60" s="1" t="s">
        <v>157</v>
      </c>
      <c r="E60" s="34" t="s">
        <v>158</v>
      </c>
      <c r="F60" s="1" t="s">
        <v>61</v>
      </c>
      <c r="G60" s="34" t="s">
        <v>223</v>
      </c>
      <c r="H60" s="35" t="s">
        <v>224</v>
      </c>
      <c r="I60" s="36" t="s">
        <v>11</v>
      </c>
    </row>
    <row r="61" spans="2:10" s="6" customFormat="1" x14ac:dyDescent="0.2">
      <c r="B61" s="37"/>
      <c r="C61" s="33" t="s">
        <v>67</v>
      </c>
      <c r="D61" s="1" t="s">
        <v>160</v>
      </c>
      <c r="E61" s="34" t="s">
        <v>161</v>
      </c>
      <c r="F61" s="1" t="s">
        <v>68</v>
      </c>
      <c r="G61" s="34" t="s">
        <v>229</v>
      </c>
      <c r="H61" s="35" t="s">
        <v>230</v>
      </c>
      <c r="I61" s="36" t="s">
        <v>13</v>
      </c>
    </row>
    <row r="62" spans="2:10" s="6" customFormat="1" x14ac:dyDescent="0.2">
      <c r="B62" s="37"/>
      <c r="C62" s="33" t="s">
        <v>62</v>
      </c>
      <c r="D62" s="1" t="s">
        <v>97</v>
      </c>
      <c r="E62" s="34" t="s">
        <v>63</v>
      </c>
      <c r="F62" s="1" t="s">
        <v>348</v>
      </c>
      <c r="G62" s="34" t="s">
        <v>225</v>
      </c>
      <c r="H62" s="35" t="s">
        <v>226</v>
      </c>
      <c r="I62" s="36" t="s">
        <v>64</v>
      </c>
    </row>
    <row r="63" spans="2:10" s="6" customFormat="1" x14ac:dyDescent="0.2">
      <c r="B63" s="37"/>
      <c r="C63" s="33" t="s">
        <v>56</v>
      </c>
      <c r="D63" s="1" t="s">
        <v>153</v>
      </c>
      <c r="E63" s="34" t="s">
        <v>57</v>
      </c>
      <c r="F63" s="1" t="s">
        <v>347</v>
      </c>
      <c r="G63" s="34" t="s">
        <v>219</v>
      </c>
      <c r="H63" s="35" t="s">
        <v>220</v>
      </c>
      <c r="I63" s="36" t="s">
        <v>321</v>
      </c>
    </row>
    <row r="64" spans="2:10" s="6" customFormat="1" x14ac:dyDescent="0.2">
      <c r="B64" s="37"/>
      <c r="C64" s="33" t="s">
        <v>341</v>
      </c>
      <c r="D64" s="1" t="s">
        <v>342</v>
      </c>
      <c r="E64" s="34" t="s">
        <v>369</v>
      </c>
      <c r="F64" s="1" t="s">
        <v>339</v>
      </c>
      <c r="G64" s="34" t="s">
        <v>370</v>
      </c>
      <c r="H64" s="35" t="s">
        <v>403</v>
      </c>
      <c r="I64" s="36" t="s">
        <v>500</v>
      </c>
    </row>
    <row r="65" spans="2:9" s="6" customFormat="1" ht="14.25" customHeight="1" x14ac:dyDescent="0.2">
      <c r="B65" s="37"/>
      <c r="C65" s="33" t="s">
        <v>110</v>
      </c>
      <c r="D65" s="1" t="s">
        <v>164</v>
      </c>
      <c r="E65" s="34" t="s">
        <v>501</v>
      </c>
      <c r="F65" s="1" t="s">
        <v>502</v>
      </c>
      <c r="G65" s="34" t="s">
        <v>361</v>
      </c>
      <c r="H65" s="35" t="s">
        <v>357</v>
      </c>
      <c r="I65" s="36" t="s">
        <v>64</v>
      </c>
    </row>
    <row r="66" spans="2:9" s="6" customFormat="1" ht="14.25" customHeight="1" x14ac:dyDescent="0.2">
      <c r="B66" s="37"/>
      <c r="C66" s="70" t="s">
        <v>165</v>
      </c>
      <c r="D66" s="78" t="s">
        <v>166</v>
      </c>
      <c r="E66" s="80" t="s">
        <v>167</v>
      </c>
      <c r="F66" s="78" t="s">
        <v>168</v>
      </c>
      <c r="G66" s="80" t="s">
        <v>237</v>
      </c>
      <c r="H66" s="80" t="s">
        <v>238</v>
      </c>
      <c r="I66" s="82" t="s">
        <v>319</v>
      </c>
    </row>
    <row r="67" spans="2:9" s="6" customFormat="1" ht="14.25" customHeight="1" x14ac:dyDescent="0.2">
      <c r="B67" s="37"/>
      <c r="C67" s="71" t="s">
        <v>336</v>
      </c>
      <c r="D67" s="79"/>
      <c r="E67" s="81"/>
      <c r="F67" s="79"/>
      <c r="G67" s="81"/>
      <c r="H67" s="81"/>
      <c r="I67" s="83"/>
    </row>
    <row r="68" spans="2:9" s="6" customFormat="1" ht="14.25" customHeight="1" x14ac:dyDescent="0.2">
      <c r="B68" s="37"/>
      <c r="C68" s="38" t="s">
        <v>74</v>
      </c>
      <c r="D68" s="1" t="s">
        <v>98</v>
      </c>
      <c r="E68" s="34" t="s">
        <v>75</v>
      </c>
      <c r="F68" s="1" t="s">
        <v>76</v>
      </c>
      <c r="G68" s="34" t="s">
        <v>235</v>
      </c>
      <c r="H68" s="35" t="s">
        <v>236</v>
      </c>
      <c r="I68" s="43" t="s">
        <v>64</v>
      </c>
    </row>
    <row r="69" spans="2:9" s="6" customFormat="1" x14ac:dyDescent="0.2">
      <c r="B69" s="37"/>
      <c r="C69" s="33" t="s">
        <v>65</v>
      </c>
      <c r="D69" s="1" t="s">
        <v>159</v>
      </c>
      <c r="E69" s="34" t="s">
        <v>66</v>
      </c>
      <c r="F69" s="1" t="s">
        <v>349</v>
      </c>
      <c r="G69" s="34" t="s">
        <v>227</v>
      </c>
      <c r="H69" s="35" t="s">
        <v>228</v>
      </c>
      <c r="I69" s="36" t="s">
        <v>11</v>
      </c>
    </row>
    <row r="70" spans="2:9" s="6" customFormat="1" x14ac:dyDescent="0.2">
      <c r="B70" s="37"/>
      <c r="C70" s="33" t="s">
        <v>69</v>
      </c>
      <c r="D70" s="1" t="s">
        <v>162</v>
      </c>
      <c r="E70" s="34" t="s">
        <v>26</v>
      </c>
      <c r="F70" s="1" t="s">
        <v>350</v>
      </c>
      <c r="G70" s="34" t="s">
        <v>231</v>
      </c>
      <c r="H70" s="35" t="s">
        <v>232</v>
      </c>
      <c r="I70" s="36" t="s">
        <v>13</v>
      </c>
    </row>
    <row r="71" spans="2:9" s="6" customFormat="1" ht="14.25" customHeight="1" thickBot="1" x14ac:dyDescent="0.25">
      <c r="B71" s="44"/>
      <c r="C71" s="8" t="s">
        <v>337</v>
      </c>
      <c r="D71" s="8" t="s">
        <v>371</v>
      </c>
      <c r="E71" s="67" t="s">
        <v>372</v>
      </c>
      <c r="F71" s="8" t="s">
        <v>338</v>
      </c>
      <c r="G71" s="67" t="s">
        <v>373</v>
      </c>
      <c r="H71" s="67" t="s">
        <v>374</v>
      </c>
      <c r="I71" s="72" t="s">
        <v>500</v>
      </c>
    </row>
    <row r="72" spans="2:9" s="6" customFormat="1" x14ac:dyDescent="0.2">
      <c r="B72" s="32" t="s">
        <v>333</v>
      </c>
      <c r="C72" s="28" t="s">
        <v>77</v>
      </c>
      <c r="D72" s="3" t="s">
        <v>376</v>
      </c>
      <c r="E72" s="29" t="s">
        <v>78</v>
      </c>
      <c r="F72" s="3" t="s">
        <v>79</v>
      </c>
      <c r="G72" s="29" t="s">
        <v>252</v>
      </c>
      <c r="H72" s="30" t="s">
        <v>377</v>
      </c>
      <c r="I72" s="31" t="s">
        <v>7</v>
      </c>
    </row>
    <row r="73" spans="2:9" s="6" customFormat="1" x14ac:dyDescent="0.2">
      <c r="B73" s="32" t="s">
        <v>104</v>
      </c>
      <c r="C73" s="33" t="s">
        <v>298</v>
      </c>
      <c r="D73" s="1" t="s">
        <v>378</v>
      </c>
      <c r="E73" s="34" t="s">
        <v>80</v>
      </c>
      <c r="F73" s="1" t="s">
        <v>81</v>
      </c>
      <c r="G73" s="34" t="s">
        <v>253</v>
      </c>
      <c r="H73" s="35" t="s">
        <v>379</v>
      </c>
      <c r="I73" s="36" t="s">
        <v>400</v>
      </c>
    </row>
    <row r="74" spans="2:9" s="6" customFormat="1" x14ac:dyDescent="0.2">
      <c r="B74" s="32" t="s">
        <v>306</v>
      </c>
      <c r="C74" s="1" t="s">
        <v>307</v>
      </c>
      <c r="D74" s="1" t="s">
        <v>380</v>
      </c>
      <c r="E74" s="35" t="s">
        <v>381</v>
      </c>
      <c r="F74" s="1" t="s">
        <v>102</v>
      </c>
      <c r="G74" s="35" t="s">
        <v>254</v>
      </c>
      <c r="H74" s="35" t="s">
        <v>363</v>
      </c>
      <c r="I74" s="43" t="s">
        <v>13</v>
      </c>
    </row>
    <row r="75" spans="2:9" s="6" customFormat="1" x14ac:dyDescent="0.2">
      <c r="B75" s="32" t="s">
        <v>329</v>
      </c>
      <c r="C75" s="38" t="s">
        <v>382</v>
      </c>
      <c r="D75" s="1" t="s">
        <v>383</v>
      </c>
      <c r="E75" s="34" t="s">
        <v>384</v>
      </c>
      <c r="F75" s="1" t="s">
        <v>300</v>
      </c>
      <c r="G75" s="34" t="s">
        <v>385</v>
      </c>
      <c r="H75" s="35" t="s">
        <v>385</v>
      </c>
      <c r="I75" s="36" t="s">
        <v>515</v>
      </c>
    </row>
    <row r="76" spans="2:9" s="6" customFormat="1" x14ac:dyDescent="0.2">
      <c r="B76" s="32"/>
      <c r="C76" s="38" t="s">
        <v>386</v>
      </c>
      <c r="D76" s="1" t="s">
        <v>387</v>
      </c>
      <c r="E76" s="34" t="s">
        <v>388</v>
      </c>
      <c r="F76" s="1" t="s">
        <v>301</v>
      </c>
      <c r="G76" s="34" t="s">
        <v>389</v>
      </c>
      <c r="H76" s="35" t="s">
        <v>389</v>
      </c>
      <c r="I76" s="36" t="s">
        <v>515</v>
      </c>
    </row>
    <row r="77" spans="2:9" s="6" customFormat="1" x14ac:dyDescent="0.2">
      <c r="B77" s="37"/>
      <c r="C77" s="38" t="s">
        <v>299</v>
      </c>
      <c r="D77" s="1" t="s">
        <v>391</v>
      </c>
      <c r="E77" s="34" t="s">
        <v>310</v>
      </c>
      <c r="F77" s="1" t="s">
        <v>302</v>
      </c>
      <c r="G77" s="34" t="s">
        <v>392</v>
      </c>
      <c r="H77" s="35" t="s">
        <v>393</v>
      </c>
      <c r="I77" s="36" t="s">
        <v>303</v>
      </c>
    </row>
    <row r="78" spans="2:9" s="6" customFormat="1" x14ac:dyDescent="0.2">
      <c r="B78" s="37"/>
      <c r="C78" s="28" t="s">
        <v>308</v>
      </c>
      <c r="D78" s="3" t="s">
        <v>394</v>
      </c>
      <c r="E78" s="29" t="s">
        <v>311</v>
      </c>
      <c r="F78" s="3" t="s">
        <v>304</v>
      </c>
      <c r="G78" s="29" t="s">
        <v>395</v>
      </c>
      <c r="H78" s="30" t="s">
        <v>396</v>
      </c>
      <c r="I78" s="31" t="s">
        <v>305</v>
      </c>
    </row>
    <row r="79" spans="2:9" s="6" customFormat="1" ht="13.5" thickBot="1" x14ac:dyDescent="0.25">
      <c r="B79" s="44"/>
      <c r="C79" s="68" t="s">
        <v>327</v>
      </c>
      <c r="D79" s="4" t="s">
        <v>397</v>
      </c>
      <c r="E79" s="41" t="s">
        <v>398</v>
      </c>
      <c r="F79" s="4" t="s">
        <v>328</v>
      </c>
      <c r="G79" s="41" t="s">
        <v>405</v>
      </c>
      <c r="H79" s="40" t="s">
        <v>399</v>
      </c>
      <c r="I79" s="45" t="s">
        <v>390</v>
      </c>
    </row>
    <row r="80" spans="2:9" s="6" customFormat="1" x14ac:dyDescent="0.2">
      <c r="B80" s="42" t="s">
        <v>335</v>
      </c>
      <c r="C80" s="28" t="s">
        <v>82</v>
      </c>
      <c r="D80" s="21" t="s">
        <v>169</v>
      </c>
      <c r="E80" s="46" t="s">
        <v>83</v>
      </c>
      <c r="F80" s="21" t="s">
        <v>84</v>
      </c>
      <c r="G80" s="46" t="s">
        <v>270</v>
      </c>
      <c r="H80" s="30" t="s">
        <v>271</v>
      </c>
      <c r="I80" s="31" t="s">
        <v>7</v>
      </c>
    </row>
    <row r="81" spans="2:9" s="6" customFormat="1" ht="13.5" thickBot="1" x14ac:dyDescent="0.25">
      <c r="B81" s="47" t="s">
        <v>85</v>
      </c>
      <c r="C81" s="48" t="s">
        <v>86</v>
      </c>
      <c r="D81" s="8" t="s">
        <v>170</v>
      </c>
      <c r="E81" s="49" t="s">
        <v>87</v>
      </c>
      <c r="F81" s="8" t="s">
        <v>88</v>
      </c>
      <c r="G81" s="49" t="s">
        <v>272</v>
      </c>
      <c r="H81" s="40" t="s">
        <v>273</v>
      </c>
      <c r="I81" s="50" t="s">
        <v>73</v>
      </c>
    </row>
    <row r="82" spans="2:9" s="6" customFormat="1" ht="13.5" thickBot="1" x14ac:dyDescent="0.25">
      <c r="B82" s="51" t="s">
        <v>367</v>
      </c>
      <c r="C82" s="52" t="s">
        <v>89</v>
      </c>
      <c r="D82" s="22" t="s">
        <v>171</v>
      </c>
      <c r="E82" s="53" t="s">
        <v>90</v>
      </c>
      <c r="F82" s="22" t="s">
        <v>91</v>
      </c>
      <c r="G82" s="53" t="s">
        <v>295</v>
      </c>
      <c r="H82" s="54" t="s">
        <v>296</v>
      </c>
      <c r="I82" s="55" t="s">
        <v>11</v>
      </c>
    </row>
    <row r="83" spans="2:9" s="6" customFormat="1" ht="32.25" customHeight="1" x14ac:dyDescent="0.2">
      <c r="B83" s="62" t="s">
        <v>92</v>
      </c>
      <c r="C83" s="28" t="s">
        <v>103</v>
      </c>
      <c r="D83" s="3" t="s">
        <v>172</v>
      </c>
      <c r="E83" s="29" t="s">
        <v>93</v>
      </c>
      <c r="F83" s="3" t="s">
        <v>94</v>
      </c>
      <c r="G83" s="29" t="s">
        <v>274</v>
      </c>
      <c r="H83" s="30" t="s">
        <v>275</v>
      </c>
      <c r="I83" s="31" t="s">
        <v>375</v>
      </c>
    </row>
    <row r="84" spans="2:9" s="6" customFormat="1" ht="13.5" thickBot="1" x14ac:dyDescent="0.25">
      <c r="B84" s="47"/>
      <c r="C84" s="56" t="s">
        <v>322</v>
      </c>
      <c r="D84" s="57" t="s">
        <v>323</v>
      </c>
      <c r="E84" s="58" t="s">
        <v>95</v>
      </c>
      <c r="F84" s="57" t="s">
        <v>96</v>
      </c>
      <c r="G84" s="58" t="s">
        <v>239</v>
      </c>
      <c r="H84" s="59" t="s">
        <v>240</v>
      </c>
      <c r="I84" s="60" t="s">
        <v>11</v>
      </c>
    </row>
    <row r="85" spans="2:9" x14ac:dyDescent="0.2">
      <c r="D85" s="24"/>
      <c r="E85" s="18"/>
      <c r="F85" s="6"/>
      <c r="G85" s="18"/>
      <c r="H85" s="25"/>
      <c r="I85" s="6"/>
    </row>
    <row r="86" spans="2:9" x14ac:dyDescent="0.2">
      <c r="D86" s="24"/>
      <c r="E86" s="18"/>
      <c r="F86" s="6"/>
      <c r="G86" s="18"/>
      <c r="H86" s="25"/>
      <c r="I86" s="6"/>
    </row>
    <row r="87" spans="2:9" x14ac:dyDescent="0.2">
      <c r="D87" s="24"/>
      <c r="E87" s="18"/>
      <c r="F87" s="6"/>
      <c r="G87" s="18"/>
      <c r="H87" s="25"/>
      <c r="I87" s="6"/>
    </row>
    <row r="88" spans="2:9" x14ac:dyDescent="0.2">
      <c r="D88" s="24"/>
      <c r="E88" s="18"/>
      <c r="F88" s="6"/>
      <c r="G88" s="18"/>
      <c r="H88" s="25"/>
      <c r="I88" s="6"/>
    </row>
    <row r="89" spans="2:9" x14ac:dyDescent="0.2">
      <c r="D89" s="24"/>
      <c r="E89" s="18"/>
      <c r="F89" s="6"/>
      <c r="G89" s="18"/>
      <c r="H89" s="25"/>
      <c r="I89" s="6"/>
    </row>
    <row r="90" spans="2:9" x14ac:dyDescent="0.2">
      <c r="D90" s="24"/>
      <c r="E90" s="18"/>
      <c r="F90" s="6"/>
      <c r="G90" s="18"/>
      <c r="H90" s="25"/>
      <c r="I90" s="6"/>
    </row>
    <row r="91" spans="2:9" x14ac:dyDescent="0.2">
      <c r="D91" s="24"/>
      <c r="E91" s="18"/>
      <c r="F91" s="6"/>
      <c r="G91" s="18"/>
      <c r="H91" s="25"/>
      <c r="I91" s="6"/>
    </row>
    <row r="92" spans="2:9" x14ac:dyDescent="0.2">
      <c r="D92" s="24"/>
      <c r="E92" s="18"/>
      <c r="F92" s="6"/>
      <c r="G92" s="18"/>
      <c r="H92" s="25"/>
      <c r="I92" s="6"/>
    </row>
    <row r="93" spans="2:9" x14ac:dyDescent="0.2">
      <c r="D93" s="24"/>
      <c r="E93" s="18"/>
      <c r="F93" s="6"/>
      <c r="G93" s="18"/>
      <c r="H93" s="25"/>
      <c r="I93" s="6"/>
    </row>
    <row r="94" spans="2:9" x14ac:dyDescent="0.2">
      <c r="D94" s="24"/>
      <c r="E94" s="18"/>
      <c r="F94" s="6"/>
      <c r="G94" s="18"/>
      <c r="H94" s="25"/>
      <c r="I94" s="6"/>
    </row>
    <row r="95" spans="2:9" x14ac:dyDescent="0.2">
      <c r="D95" s="24"/>
      <c r="E95" s="18"/>
      <c r="F95" s="6"/>
      <c r="G95" s="18"/>
      <c r="H95" s="25"/>
      <c r="I95" s="6"/>
    </row>
  </sheetData>
  <autoFilter ref="B4:I84"/>
  <mergeCells count="10">
    <mergeCell ref="C41:C42"/>
    <mergeCell ref="D41:D42"/>
    <mergeCell ref="G66:G67"/>
    <mergeCell ref="H66:H67"/>
    <mergeCell ref="I66:I67"/>
    <mergeCell ref="C45:C46"/>
    <mergeCell ref="D45:D46"/>
    <mergeCell ref="D66:D67"/>
    <mergeCell ref="E66:E67"/>
    <mergeCell ref="F66:F67"/>
  </mergeCells>
  <phoneticPr fontId="1"/>
  <printOptions horizontalCentered="1"/>
  <pageMargins left="0.39370078740157483" right="0.39370078740157483" top="0.78740157480314965" bottom="0.98425196850393704" header="0.51181102362204722" footer="0.51181102362204722"/>
  <pageSetup paperSize="9" scale="6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特別支援学校</vt:lpstr>
      <vt:lpstr>特別支援学校!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神奈川県教育委員会</cp:lastModifiedBy>
  <cp:lastPrinted>2022-03-24T05:45:07Z</cp:lastPrinted>
  <dcterms:created xsi:type="dcterms:W3CDTF">2009-12-22T06:38:59Z</dcterms:created>
  <dcterms:modified xsi:type="dcterms:W3CDTF">2024-03-26T07:01:08Z</dcterms:modified>
</cp:coreProperties>
</file>